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30" r:id="rId4"/>
  </p:sldMasterIdLst>
  <p:notesMasterIdLst>
    <p:notesMasterId r:id="rId21"/>
  </p:notesMasterIdLst>
  <p:handoutMasterIdLst>
    <p:handoutMasterId r:id="rId22"/>
  </p:handoutMasterIdLst>
  <p:sldIdLst>
    <p:sldId id="343" r:id="rId5"/>
    <p:sldId id="354" r:id="rId6"/>
    <p:sldId id="349" r:id="rId7"/>
    <p:sldId id="353" r:id="rId8"/>
    <p:sldId id="307" r:id="rId9"/>
    <p:sldId id="308" r:id="rId10"/>
    <p:sldId id="310" r:id="rId11"/>
    <p:sldId id="312" r:id="rId12"/>
    <p:sldId id="318" r:id="rId13"/>
    <p:sldId id="324" r:id="rId14"/>
    <p:sldId id="328" r:id="rId15"/>
    <p:sldId id="330" r:id="rId16"/>
    <p:sldId id="329" r:id="rId17"/>
    <p:sldId id="334" r:id="rId18"/>
    <p:sldId id="332" r:id="rId19"/>
    <p:sldId id="351" r:id="rId20"/>
  </p:sldIdLst>
  <p:sldSz cx="12192000" cy="6858000"/>
  <p:notesSz cx="6858000" cy="9144000"/>
  <p:defaultTextStyle>
    <a:defPPr>
      <a:defRPr lang="fr-F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399FF"/>
    <a:srgbClr val="66CCFF"/>
    <a:srgbClr val="FFCC99"/>
    <a:srgbClr val="C5EDFD"/>
    <a:srgbClr val="CCFFFF"/>
    <a:srgbClr val="000066"/>
    <a:srgbClr val="DCD3FD"/>
    <a:srgbClr val="00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305" autoAdjust="0"/>
    <p:restoredTop sz="90613" autoAdjust="0"/>
  </p:normalViewPr>
  <p:slideViewPr>
    <p:cSldViewPr showGuides="1">
      <p:cViewPr varScale="1">
        <p:scale>
          <a:sx n="96" d="100"/>
          <a:sy n="96" d="100"/>
        </p:scale>
        <p:origin x="114" y="15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66" d="100"/>
        <a:sy n="66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howGuides="1">
      <p:cViewPr varScale="1">
        <p:scale>
          <a:sx n="69" d="100"/>
          <a:sy n="69" d="100"/>
        </p:scale>
        <p:origin x="-2268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handoutMaster" Target="handoutMasters/handoutMaster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osmorduc Vinca" userId="ad80fc01-cf55-4376-a825-a887c8046f05" providerId="ADAL" clId="{DB30BB9E-54FF-48AD-9A12-C29FC15F4CA8}"/>
    <pc:docChg chg="modSld">
      <pc:chgData name="Rosmorduc Vinca" userId="ad80fc01-cf55-4376-a825-a887c8046f05" providerId="ADAL" clId="{DB30BB9E-54FF-48AD-9A12-C29FC15F4CA8}" dt="2020-11-16T13:15:16.817" v="54" actId="20577"/>
      <pc:docMkLst>
        <pc:docMk/>
      </pc:docMkLst>
      <pc:sldChg chg="modSp mod modNotesTx">
        <pc:chgData name="Rosmorduc Vinca" userId="ad80fc01-cf55-4376-a825-a887c8046f05" providerId="ADAL" clId="{DB30BB9E-54FF-48AD-9A12-C29FC15F4CA8}" dt="2020-11-16T13:15:11.433" v="53" actId="20577"/>
        <pc:sldMkLst>
          <pc:docMk/>
          <pc:sldMk cId="0" sldId="343"/>
        </pc:sldMkLst>
        <pc:spChg chg="mod">
          <ac:chgData name="Rosmorduc Vinca" userId="ad80fc01-cf55-4376-a825-a887c8046f05" providerId="ADAL" clId="{DB30BB9E-54FF-48AD-9A12-C29FC15F4CA8}" dt="2020-11-16T13:14:59.241" v="25" actId="20577"/>
          <ac:spMkLst>
            <pc:docMk/>
            <pc:sldMk cId="0" sldId="343"/>
            <ac:spMk id="6146" creationId="{00000000-0000-0000-0000-000000000000}"/>
          </ac:spMkLst>
        </pc:spChg>
      </pc:sldChg>
      <pc:sldChg chg="modNotesTx">
        <pc:chgData name="Rosmorduc Vinca" userId="ad80fc01-cf55-4376-a825-a887c8046f05" providerId="ADAL" clId="{DB30BB9E-54FF-48AD-9A12-C29FC15F4CA8}" dt="2020-11-16T13:15:16.817" v="54" actId="20577"/>
        <pc:sldMkLst>
          <pc:docMk/>
          <pc:sldMk cId="246926335" sldId="349"/>
        </pc:sldMkLst>
      </pc:sldChg>
    </pc:docChg>
  </pc:docChgLst>
  <pc:docChgLst>
    <pc:chgData name="Rosmorduc Vinca" userId="ad80fc01-cf55-4376-a825-a887c8046f05" providerId="ADAL" clId="{4FFCAFA5-138E-42A4-9FDB-4AB739077527}"/>
    <pc:docChg chg="undo custSel addSld modSld">
      <pc:chgData name="Rosmorduc Vinca" userId="ad80fc01-cf55-4376-a825-a887c8046f05" providerId="ADAL" clId="{4FFCAFA5-138E-42A4-9FDB-4AB739077527}" dt="2020-06-05T07:32:18.389" v="64" actId="20577"/>
      <pc:docMkLst>
        <pc:docMk/>
      </pc:docMkLst>
      <pc:sldChg chg="modSp new mod">
        <pc:chgData name="Rosmorduc Vinca" userId="ad80fc01-cf55-4376-a825-a887c8046f05" providerId="ADAL" clId="{4FFCAFA5-138E-42A4-9FDB-4AB739077527}" dt="2020-06-05T07:32:18.389" v="64" actId="20577"/>
        <pc:sldMkLst>
          <pc:docMk/>
          <pc:sldMk cId="2149226584" sldId="351"/>
        </pc:sldMkLst>
        <pc:spChg chg="mod">
          <ac:chgData name="Rosmorduc Vinca" userId="ad80fc01-cf55-4376-a825-a887c8046f05" providerId="ADAL" clId="{4FFCAFA5-138E-42A4-9FDB-4AB739077527}" dt="2020-06-05T07:30:05.356" v="12" actId="20577"/>
          <ac:spMkLst>
            <pc:docMk/>
            <pc:sldMk cId="2149226584" sldId="351"/>
            <ac:spMk id="2" creationId="{4DDD38B6-71A5-411B-B19C-F6CE34D636F0}"/>
          </ac:spMkLst>
        </pc:spChg>
        <pc:spChg chg="mod">
          <ac:chgData name="Rosmorduc Vinca" userId="ad80fc01-cf55-4376-a825-a887c8046f05" providerId="ADAL" clId="{4FFCAFA5-138E-42A4-9FDB-4AB739077527}" dt="2020-06-05T07:32:18.389" v="64" actId="20577"/>
          <ac:spMkLst>
            <pc:docMk/>
            <pc:sldMk cId="2149226584" sldId="351"/>
            <ac:spMk id="3" creationId="{2D488E76-EACF-43C3-B332-176D500681D9}"/>
          </ac:spMkLst>
        </pc:spChg>
      </pc:sldChg>
    </pc:docChg>
  </pc:docChgLst>
  <pc:docChgLst>
    <pc:chgData name="Rosmorduc Vinca" userId="ad80fc01-cf55-4376-a825-a887c8046f05" providerId="ADAL" clId="{A723C5D2-23E8-468D-9DC4-E2332766E26B}"/>
    <pc:docChg chg="undo custSel addSld modSld sldOrd">
      <pc:chgData name="Rosmorduc Vinca" userId="ad80fc01-cf55-4376-a825-a887c8046f05" providerId="ADAL" clId="{A723C5D2-23E8-468D-9DC4-E2332766E26B}" dt="2020-11-16T16:25:39.801" v="279" actId="1076"/>
      <pc:docMkLst>
        <pc:docMk/>
      </pc:docMkLst>
      <pc:sldChg chg="addSp delSp modSp mod">
        <pc:chgData name="Rosmorduc Vinca" userId="ad80fc01-cf55-4376-a825-a887c8046f05" providerId="ADAL" clId="{A723C5D2-23E8-468D-9DC4-E2332766E26B}" dt="2020-11-16T14:29:23.996" v="36" actId="164"/>
        <pc:sldMkLst>
          <pc:docMk/>
          <pc:sldMk cId="0" sldId="307"/>
        </pc:sldMkLst>
        <pc:spChg chg="add mod">
          <ac:chgData name="Rosmorduc Vinca" userId="ad80fc01-cf55-4376-a825-a887c8046f05" providerId="ADAL" clId="{A723C5D2-23E8-468D-9DC4-E2332766E26B}" dt="2020-11-16T14:28:51.550" v="25" actId="164"/>
          <ac:spMkLst>
            <pc:docMk/>
            <pc:sldMk cId="0" sldId="307"/>
            <ac:spMk id="7" creationId="{54471470-31E7-408A-8A41-B21A9AC06569}"/>
          </ac:spMkLst>
        </pc:spChg>
        <pc:spChg chg="add mod">
          <ac:chgData name="Rosmorduc Vinca" userId="ad80fc01-cf55-4376-a825-a887c8046f05" providerId="ADAL" clId="{A723C5D2-23E8-468D-9DC4-E2332766E26B}" dt="2020-11-16T14:29:23.996" v="36" actId="164"/>
          <ac:spMkLst>
            <pc:docMk/>
            <pc:sldMk cId="0" sldId="307"/>
            <ac:spMk id="9" creationId="{1D82C541-80F6-4395-A702-7869685FA270}"/>
          </ac:spMkLst>
        </pc:spChg>
        <pc:spChg chg="mod">
          <ac:chgData name="Rosmorduc Vinca" userId="ad80fc01-cf55-4376-a825-a887c8046f05" providerId="ADAL" clId="{A723C5D2-23E8-468D-9DC4-E2332766E26B}" dt="2020-11-16T14:25:30.031" v="21" actId="20577"/>
          <ac:spMkLst>
            <pc:docMk/>
            <pc:sldMk cId="0" sldId="307"/>
            <ac:spMk id="13315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4:28:51.550" v="25" actId="164"/>
          <ac:grpSpMkLst>
            <pc:docMk/>
            <pc:sldMk cId="0" sldId="307"/>
            <ac:grpSpMk id="3" creationId="{038D6C17-A8AF-479F-81DC-85A5A2877BA6}"/>
          </ac:grpSpMkLst>
        </pc:grpChg>
        <pc:grpChg chg="add mod">
          <ac:chgData name="Rosmorduc Vinca" userId="ad80fc01-cf55-4376-a825-a887c8046f05" providerId="ADAL" clId="{A723C5D2-23E8-468D-9DC4-E2332766E26B}" dt="2020-11-16T14:29:23.996" v="36" actId="164"/>
          <ac:grpSpMkLst>
            <pc:docMk/>
            <pc:sldMk cId="0" sldId="307"/>
            <ac:grpSpMk id="4" creationId="{5D415A2A-9286-42E4-B4FC-CE8D19A6787C}"/>
          </ac:grpSpMkLst>
        </pc:grpChg>
        <pc:picChg chg="add mod modCrop">
          <ac:chgData name="Rosmorduc Vinca" userId="ad80fc01-cf55-4376-a825-a887c8046f05" providerId="ADAL" clId="{A723C5D2-23E8-468D-9DC4-E2332766E26B}" dt="2020-11-16T14:28:51.550" v="25" actId="164"/>
          <ac:picMkLst>
            <pc:docMk/>
            <pc:sldMk cId="0" sldId="307"/>
            <ac:picMk id="2" creationId="{4826E186-A22C-4BF6-B649-95BA8BBC1389}"/>
          </ac:picMkLst>
        </pc:picChg>
        <pc:picChg chg="del">
          <ac:chgData name="Rosmorduc Vinca" userId="ad80fc01-cf55-4376-a825-a887c8046f05" providerId="ADAL" clId="{A723C5D2-23E8-468D-9DC4-E2332766E26B}" dt="2020-11-16T14:24:09.103" v="1" actId="478"/>
          <ac:picMkLst>
            <pc:docMk/>
            <pc:sldMk cId="0" sldId="307"/>
            <ac:picMk id="13316" creationId="{00000000-0000-0000-0000-000000000000}"/>
          </ac:picMkLst>
        </pc:picChg>
        <pc:picChg chg="mod">
          <ac:chgData name="Rosmorduc Vinca" userId="ad80fc01-cf55-4376-a825-a887c8046f05" providerId="ADAL" clId="{A723C5D2-23E8-468D-9DC4-E2332766E26B}" dt="2020-11-16T14:29:23.996" v="36" actId="164"/>
          <ac:picMkLst>
            <pc:docMk/>
            <pc:sldMk cId="0" sldId="307"/>
            <ac:picMk id="13317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4:51:33.510" v="104" actId="1076"/>
        <pc:sldMkLst>
          <pc:docMk/>
          <pc:sldMk cId="0" sldId="308"/>
        </pc:sldMkLst>
        <pc:spChg chg="add mod">
          <ac:chgData name="Rosmorduc Vinca" userId="ad80fc01-cf55-4376-a825-a887c8046f05" providerId="ADAL" clId="{A723C5D2-23E8-468D-9DC4-E2332766E26B}" dt="2020-11-16T14:49:10.722" v="95" actId="1076"/>
          <ac:spMkLst>
            <pc:docMk/>
            <pc:sldMk cId="0" sldId="308"/>
            <ac:spMk id="5" creationId="{C0A675CF-EDED-4936-9F94-CBB039858DC9}"/>
          </ac:spMkLst>
        </pc:spChg>
        <pc:spChg chg="mod">
          <ac:chgData name="Rosmorduc Vinca" userId="ad80fc01-cf55-4376-a825-a887c8046f05" providerId="ADAL" clId="{A723C5D2-23E8-468D-9DC4-E2332766E26B}" dt="2020-11-16T14:51:25.854" v="102" actId="1076"/>
          <ac:spMkLst>
            <pc:docMk/>
            <pc:sldMk cId="0" sldId="308"/>
            <ac:spMk id="14339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4:51:33.510" v="104" actId="1076"/>
          <ac:grpSpMkLst>
            <pc:docMk/>
            <pc:sldMk cId="0" sldId="308"/>
            <ac:grpSpMk id="2" creationId="{8AD3D16D-3100-405D-9C9C-1B2602C5D78A}"/>
          </ac:grpSpMkLst>
        </pc:grpChg>
        <pc:picChg chg="add del mod">
          <ac:chgData name="Rosmorduc Vinca" userId="ad80fc01-cf55-4376-a825-a887c8046f05" providerId="ADAL" clId="{A723C5D2-23E8-468D-9DC4-E2332766E26B}" dt="2020-11-16T14:49:14.313" v="96" actId="478"/>
          <ac:picMkLst>
            <pc:docMk/>
            <pc:sldMk cId="0" sldId="308"/>
            <ac:picMk id="4" creationId="{45EAA022-59EB-497C-B691-9046702F41F6}"/>
          </ac:picMkLst>
        </pc:picChg>
        <pc:picChg chg="add mod">
          <ac:chgData name="Rosmorduc Vinca" userId="ad80fc01-cf55-4376-a825-a887c8046f05" providerId="ADAL" clId="{A723C5D2-23E8-468D-9DC4-E2332766E26B}" dt="2020-11-16T14:51:18.269" v="100" actId="1076"/>
          <ac:picMkLst>
            <pc:docMk/>
            <pc:sldMk cId="0" sldId="308"/>
            <ac:picMk id="15" creationId="{C53B798B-14B3-44D1-BE14-26099925C446}"/>
          </ac:picMkLst>
        </pc:picChg>
        <pc:picChg chg="mod">
          <ac:chgData name="Rosmorduc Vinca" userId="ad80fc01-cf55-4376-a825-a887c8046f05" providerId="ADAL" clId="{A723C5D2-23E8-468D-9DC4-E2332766E26B}" dt="2020-11-16T14:49:10.722" v="95" actId="1076"/>
          <ac:picMkLst>
            <pc:docMk/>
            <pc:sldMk cId="0" sldId="308"/>
            <ac:picMk id="14340" creationId="{00000000-0000-0000-0000-000000000000}"/>
          </ac:picMkLst>
        </pc:picChg>
      </pc:sldChg>
      <pc:sldChg chg="addSp modSp mod">
        <pc:chgData name="Rosmorduc Vinca" userId="ad80fc01-cf55-4376-a825-a887c8046f05" providerId="ADAL" clId="{A723C5D2-23E8-468D-9DC4-E2332766E26B}" dt="2020-11-16T15:36:21.982" v="145" actId="164"/>
        <pc:sldMkLst>
          <pc:docMk/>
          <pc:sldMk cId="0" sldId="310"/>
        </pc:sldMkLst>
        <pc:spChg chg="add mod">
          <ac:chgData name="Rosmorduc Vinca" userId="ad80fc01-cf55-4376-a825-a887c8046f05" providerId="ADAL" clId="{A723C5D2-23E8-468D-9DC4-E2332766E26B}" dt="2020-11-16T15:36:21.982" v="145" actId="164"/>
          <ac:spMkLst>
            <pc:docMk/>
            <pc:sldMk cId="0" sldId="310"/>
            <ac:spMk id="6" creationId="{EF6C6260-E224-4FAA-AF71-FC2F329F272D}"/>
          </ac:spMkLst>
        </pc:spChg>
        <pc:spChg chg="add mod">
          <ac:chgData name="Rosmorduc Vinca" userId="ad80fc01-cf55-4376-a825-a887c8046f05" providerId="ADAL" clId="{A723C5D2-23E8-468D-9DC4-E2332766E26B}" dt="2020-11-16T15:36:16.136" v="144" actId="164"/>
          <ac:spMkLst>
            <pc:docMk/>
            <pc:sldMk cId="0" sldId="310"/>
            <ac:spMk id="9" creationId="{5361B709-8618-4A8B-9CA4-891F5D10E2C6}"/>
          </ac:spMkLst>
        </pc:spChg>
        <pc:grpChg chg="add mod">
          <ac:chgData name="Rosmorduc Vinca" userId="ad80fc01-cf55-4376-a825-a887c8046f05" providerId="ADAL" clId="{A723C5D2-23E8-468D-9DC4-E2332766E26B}" dt="2020-11-16T15:36:16.136" v="144" actId="164"/>
          <ac:grpSpMkLst>
            <pc:docMk/>
            <pc:sldMk cId="0" sldId="310"/>
            <ac:grpSpMk id="5" creationId="{754FB843-EA59-4E21-8FFB-644CA57742E4}"/>
          </ac:grpSpMkLst>
        </pc:grpChg>
        <pc:grpChg chg="add mod">
          <ac:chgData name="Rosmorduc Vinca" userId="ad80fc01-cf55-4376-a825-a887c8046f05" providerId="ADAL" clId="{A723C5D2-23E8-468D-9DC4-E2332766E26B}" dt="2020-11-16T15:36:21.982" v="145" actId="164"/>
          <ac:grpSpMkLst>
            <pc:docMk/>
            <pc:sldMk cId="0" sldId="310"/>
            <ac:grpSpMk id="7" creationId="{B3D2B1EF-0F03-478B-AE2D-9A0D21920207}"/>
          </ac:grpSpMkLst>
        </pc:grpChg>
        <pc:picChg chg="add mod modCrop">
          <ac:chgData name="Rosmorduc Vinca" userId="ad80fc01-cf55-4376-a825-a887c8046f05" providerId="ADAL" clId="{A723C5D2-23E8-468D-9DC4-E2332766E26B}" dt="2020-11-16T15:36:16.136" v="144" actId="164"/>
          <ac:picMkLst>
            <pc:docMk/>
            <pc:sldMk cId="0" sldId="310"/>
            <ac:picMk id="4" creationId="{8376981E-928D-4375-92E7-79AC589B58D6}"/>
          </ac:picMkLst>
        </pc:picChg>
        <pc:picChg chg="mod">
          <ac:chgData name="Rosmorduc Vinca" userId="ad80fc01-cf55-4376-a825-a887c8046f05" providerId="ADAL" clId="{A723C5D2-23E8-468D-9DC4-E2332766E26B}" dt="2020-11-16T15:36:21.982" v="145" actId="164"/>
          <ac:picMkLst>
            <pc:docMk/>
            <pc:sldMk cId="0" sldId="310"/>
            <ac:picMk id="16388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5:39:34.680" v="173" actId="164"/>
        <pc:sldMkLst>
          <pc:docMk/>
          <pc:sldMk cId="0" sldId="312"/>
        </pc:sldMkLst>
        <pc:spChg chg="add mod">
          <ac:chgData name="Rosmorduc Vinca" userId="ad80fc01-cf55-4376-a825-a887c8046f05" providerId="ADAL" clId="{A723C5D2-23E8-468D-9DC4-E2332766E26B}" dt="2020-11-16T15:37:08.037" v="155" actId="164"/>
          <ac:spMkLst>
            <pc:docMk/>
            <pc:sldMk cId="0" sldId="312"/>
            <ac:spMk id="5" creationId="{86AE3F2C-2FF2-4A4B-A2BC-51773B220E8A}"/>
          </ac:spMkLst>
        </pc:spChg>
        <pc:spChg chg="add mod">
          <ac:chgData name="Rosmorduc Vinca" userId="ad80fc01-cf55-4376-a825-a887c8046f05" providerId="ADAL" clId="{A723C5D2-23E8-468D-9DC4-E2332766E26B}" dt="2020-11-16T15:39:34.680" v="173" actId="164"/>
          <ac:spMkLst>
            <pc:docMk/>
            <pc:sldMk cId="0" sldId="312"/>
            <ac:spMk id="11" creationId="{BE856CE4-12F0-4583-97F7-E65B98F5A349}"/>
          </ac:spMkLst>
        </pc:spChg>
        <pc:spChg chg="mod">
          <ac:chgData name="Rosmorduc Vinca" userId="ad80fc01-cf55-4376-a825-a887c8046f05" providerId="ADAL" clId="{A723C5D2-23E8-468D-9DC4-E2332766E26B}" dt="2020-11-16T15:39:04.600" v="169" actId="20577"/>
          <ac:spMkLst>
            <pc:docMk/>
            <pc:sldMk cId="0" sldId="312"/>
            <ac:spMk id="17412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5:37:08.037" v="155" actId="164"/>
          <ac:grpSpMkLst>
            <pc:docMk/>
            <pc:sldMk cId="0" sldId="312"/>
            <ac:grpSpMk id="2" creationId="{ED9D24E1-99D2-4A62-A71B-373F2905B1F2}"/>
          </ac:grpSpMkLst>
        </pc:grpChg>
        <pc:grpChg chg="add mod">
          <ac:chgData name="Rosmorduc Vinca" userId="ad80fc01-cf55-4376-a825-a887c8046f05" providerId="ADAL" clId="{A723C5D2-23E8-468D-9DC4-E2332766E26B}" dt="2020-11-16T15:39:34.680" v="173" actId="164"/>
          <ac:grpSpMkLst>
            <pc:docMk/>
            <pc:sldMk cId="0" sldId="312"/>
            <ac:grpSpMk id="8" creationId="{E87E09E5-C52F-4D2C-A81F-8085ACE918F3}"/>
          </ac:grpSpMkLst>
        </pc:grpChg>
        <pc:picChg chg="add del mod">
          <ac:chgData name="Rosmorduc Vinca" userId="ad80fc01-cf55-4376-a825-a887c8046f05" providerId="ADAL" clId="{A723C5D2-23E8-468D-9DC4-E2332766E26B}" dt="2020-11-16T15:38:33.621" v="163" actId="478"/>
          <ac:picMkLst>
            <pc:docMk/>
            <pc:sldMk cId="0" sldId="312"/>
            <ac:picMk id="4" creationId="{116FE41D-63B4-40A2-BA2D-5ED18BA88C96}"/>
          </ac:picMkLst>
        </pc:picChg>
        <pc:picChg chg="add mod">
          <ac:chgData name="Rosmorduc Vinca" userId="ad80fc01-cf55-4376-a825-a887c8046f05" providerId="ADAL" clId="{A723C5D2-23E8-468D-9DC4-E2332766E26B}" dt="2020-11-16T15:39:34.680" v="173" actId="164"/>
          <ac:picMkLst>
            <pc:docMk/>
            <pc:sldMk cId="0" sldId="312"/>
            <ac:picMk id="7" creationId="{987E6FC3-E7F9-4292-B503-A68CE16D3FEB}"/>
          </ac:picMkLst>
        </pc:picChg>
        <pc:picChg chg="mod">
          <ac:chgData name="Rosmorduc Vinca" userId="ad80fc01-cf55-4376-a825-a887c8046f05" providerId="ADAL" clId="{A723C5D2-23E8-468D-9DC4-E2332766E26B}" dt="2020-11-16T15:37:08.037" v="155" actId="164"/>
          <ac:picMkLst>
            <pc:docMk/>
            <pc:sldMk cId="0" sldId="312"/>
            <ac:picMk id="1741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5:47:32.962" v="193" actId="20577"/>
        <pc:sldMkLst>
          <pc:docMk/>
          <pc:sldMk cId="0" sldId="318"/>
        </pc:sldMkLst>
        <pc:spChg chg="mod">
          <ac:chgData name="Rosmorduc Vinca" userId="ad80fc01-cf55-4376-a825-a887c8046f05" providerId="ADAL" clId="{A723C5D2-23E8-468D-9DC4-E2332766E26B}" dt="2020-11-16T15:47:32.962" v="193" actId="20577"/>
          <ac:spMkLst>
            <pc:docMk/>
            <pc:sldMk cId="0" sldId="318"/>
            <ac:spMk id="18435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5:47:10.957" v="186" actId="1076"/>
          <ac:grpSpMkLst>
            <pc:docMk/>
            <pc:sldMk cId="0" sldId="318"/>
            <ac:grpSpMk id="5" creationId="{C4F1D05E-0E17-4929-B867-34DF98393F15}"/>
          </ac:grpSpMkLst>
        </pc:grpChg>
        <pc:picChg chg="add">
          <ac:chgData name="Rosmorduc Vinca" userId="ad80fc01-cf55-4376-a825-a887c8046f05" providerId="ADAL" clId="{A723C5D2-23E8-468D-9DC4-E2332766E26B}" dt="2020-11-16T15:46:48.382" v="175"/>
          <ac:picMkLst>
            <pc:docMk/>
            <pc:sldMk cId="0" sldId="318"/>
            <ac:picMk id="8" creationId="{5F4651CF-5579-496F-9648-CC7469AB101A}"/>
          </ac:picMkLst>
        </pc:picChg>
        <pc:picChg chg="del">
          <ac:chgData name="Rosmorduc Vinca" userId="ad80fc01-cf55-4376-a825-a887c8046f05" providerId="ADAL" clId="{A723C5D2-23E8-468D-9DC4-E2332766E26B}" dt="2020-11-16T15:46:48.061" v="174" actId="478"/>
          <ac:picMkLst>
            <pc:docMk/>
            <pc:sldMk cId="0" sldId="318"/>
            <ac:picMk id="18436" creationId="{00000000-0000-0000-0000-000000000000}"/>
          </ac:picMkLst>
        </pc:picChg>
      </pc:sldChg>
      <pc:sldChg chg="addSp modSp mod">
        <pc:chgData name="Rosmorduc Vinca" userId="ad80fc01-cf55-4376-a825-a887c8046f05" providerId="ADAL" clId="{A723C5D2-23E8-468D-9DC4-E2332766E26B}" dt="2020-11-16T16:02:54.367" v="226" actId="1076"/>
        <pc:sldMkLst>
          <pc:docMk/>
          <pc:sldMk cId="0" sldId="324"/>
        </pc:sldMkLst>
        <pc:spChg chg="add mod">
          <ac:chgData name="Rosmorduc Vinca" userId="ad80fc01-cf55-4376-a825-a887c8046f05" providerId="ADAL" clId="{A723C5D2-23E8-468D-9DC4-E2332766E26B}" dt="2020-11-16T15:48:22.687" v="200" actId="164"/>
          <ac:spMkLst>
            <pc:docMk/>
            <pc:sldMk cId="0" sldId="324"/>
            <ac:spMk id="5" creationId="{A45FDC12-D356-4C92-A52B-B9338C31B2DE}"/>
          </ac:spMkLst>
        </pc:spChg>
        <pc:spChg chg="add mod">
          <ac:chgData name="Rosmorduc Vinca" userId="ad80fc01-cf55-4376-a825-a887c8046f05" providerId="ADAL" clId="{A723C5D2-23E8-468D-9DC4-E2332766E26B}" dt="2020-11-16T15:49:40.858" v="206" actId="164"/>
          <ac:spMkLst>
            <pc:docMk/>
            <pc:sldMk cId="0" sldId="324"/>
            <ac:spMk id="9" creationId="{DB5AA90D-E061-4FE7-8AAD-A00CFB194A73}"/>
          </ac:spMkLst>
        </pc:spChg>
        <pc:spChg chg="mod">
          <ac:chgData name="Rosmorduc Vinca" userId="ad80fc01-cf55-4376-a825-a887c8046f05" providerId="ADAL" clId="{A723C5D2-23E8-468D-9DC4-E2332766E26B}" dt="2020-11-16T16:02:54.367" v="226" actId="1076"/>
          <ac:spMkLst>
            <pc:docMk/>
            <pc:sldMk cId="0" sldId="324"/>
            <ac:spMk id="19459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5:48:22.687" v="200" actId="164"/>
          <ac:grpSpMkLst>
            <pc:docMk/>
            <pc:sldMk cId="0" sldId="324"/>
            <ac:grpSpMk id="2" creationId="{478DA90E-1085-4000-AD3D-F1B2582F2436}"/>
          </ac:grpSpMkLst>
        </pc:grpChg>
        <pc:grpChg chg="add mod">
          <ac:chgData name="Rosmorduc Vinca" userId="ad80fc01-cf55-4376-a825-a887c8046f05" providerId="ADAL" clId="{A723C5D2-23E8-468D-9DC4-E2332766E26B}" dt="2020-11-16T15:49:40.858" v="206" actId="164"/>
          <ac:grpSpMkLst>
            <pc:docMk/>
            <pc:sldMk cId="0" sldId="324"/>
            <ac:grpSpMk id="6" creationId="{AFF15319-8A9D-4AA6-A2C1-35460710F1AA}"/>
          </ac:grpSpMkLst>
        </pc:grpChg>
        <pc:picChg chg="add mod">
          <ac:chgData name="Rosmorduc Vinca" userId="ad80fc01-cf55-4376-a825-a887c8046f05" providerId="ADAL" clId="{A723C5D2-23E8-468D-9DC4-E2332766E26B}" dt="2020-11-16T15:49:40.858" v="206" actId="164"/>
          <ac:picMkLst>
            <pc:docMk/>
            <pc:sldMk cId="0" sldId="324"/>
            <ac:picMk id="4" creationId="{CBE4BC08-9F0C-4A55-A965-E7FBA1C7FD96}"/>
          </ac:picMkLst>
        </pc:picChg>
        <pc:picChg chg="mod">
          <ac:chgData name="Rosmorduc Vinca" userId="ad80fc01-cf55-4376-a825-a887c8046f05" providerId="ADAL" clId="{A723C5D2-23E8-468D-9DC4-E2332766E26B}" dt="2020-11-16T15:48:22.687" v="200" actId="164"/>
          <ac:picMkLst>
            <pc:docMk/>
            <pc:sldMk cId="0" sldId="324"/>
            <ac:picMk id="1946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6:03:01.961" v="234" actId="20577"/>
        <pc:sldMkLst>
          <pc:docMk/>
          <pc:sldMk cId="0" sldId="328"/>
        </pc:sldMkLst>
        <pc:spChg chg="mod">
          <ac:chgData name="Rosmorduc Vinca" userId="ad80fc01-cf55-4376-a825-a887c8046f05" providerId="ADAL" clId="{A723C5D2-23E8-468D-9DC4-E2332766E26B}" dt="2020-11-16T16:03:01.961" v="234" actId="20577"/>
          <ac:spMkLst>
            <pc:docMk/>
            <pc:sldMk cId="0" sldId="328"/>
            <ac:spMk id="21507" creationId="{00000000-0000-0000-0000-000000000000}"/>
          </ac:spMkLst>
        </pc:spChg>
        <pc:picChg chg="add">
          <ac:chgData name="Rosmorduc Vinca" userId="ad80fc01-cf55-4376-a825-a887c8046f05" providerId="ADAL" clId="{A723C5D2-23E8-468D-9DC4-E2332766E26B}" dt="2020-11-16T16:02:19.975" v="208"/>
          <ac:picMkLst>
            <pc:docMk/>
            <pc:sldMk cId="0" sldId="328"/>
            <ac:picMk id="5" creationId="{0FA03A5B-D824-4976-B891-8F34C2E430D6}"/>
          </ac:picMkLst>
        </pc:picChg>
        <pc:picChg chg="add">
          <ac:chgData name="Rosmorduc Vinca" userId="ad80fc01-cf55-4376-a825-a887c8046f05" providerId="ADAL" clId="{A723C5D2-23E8-468D-9DC4-E2332766E26B}" dt="2020-11-16T16:02:19.975" v="208"/>
          <ac:picMkLst>
            <pc:docMk/>
            <pc:sldMk cId="0" sldId="328"/>
            <ac:picMk id="6" creationId="{F93DAD3D-EC24-4CE5-99BF-078DB54B4CD2}"/>
          </ac:picMkLst>
        </pc:picChg>
        <pc:picChg chg="del">
          <ac:chgData name="Rosmorduc Vinca" userId="ad80fc01-cf55-4376-a825-a887c8046f05" providerId="ADAL" clId="{A723C5D2-23E8-468D-9DC4-E2332766E26B}" dt="2020-11-16T16:02:19.556" v="207" actId="478"/>
          <ac:picMkLst>
            <pc:docMk/>
            <pc:sldMk cId="0" sldId="328"/>
            <ac:picMk id="21508" creationId="{00000000-0000-0000-0000-000000000000}"/>
          </ac:picMkLst>
        </pc:picChg>
      </pc:sldChg>
      <pc:sldChg chg="addSp delSp mod ord">
        <pc:chgData name="Rosmorduc Vinca" userId="ad80fc01-cf55-4376-a825-a887c8046f05" providerId="ADAL" clId="{A723C5D2-23E8-468D-9DC4-E2332766E26B}" dt="2020-11-16T16:03:32.052" v="238"/>
        <pc:sldMkLst>
          <pc:docMk/>
          <pc:sldMk cId="0" sldId="329"/>
        </pc:sldMkLst>
        <pc:grpChg chg="add">
          <ac:chgData name="Rosmorduc Vinca" userId="ad80fc01-cf55-4376-a825-a887c8046f05" providerId="ADAL" clId="{A723C5D2-23E8-468D-9DC4-E2332766E26B}" dt="2020-11-16T16:03:27.423" v="236"/>
          <ac:grpSpMkLst>
            <pc:docMk/>
            <pc:sldMk cId="0" sldId="329"/>
            <ac:grpSpMk id="5" creationId="{6DDDCD47-8B68-4AA6-AEBA-F0E67DF2D741}"/>
          </ac:grpSpMkLst>
        </pc:grpChg>
        <pc:grpChg chg="add">
          <ac:chgData name="Rosmorduc Vinca" userId="ad80fc01-cf55-4376-a825-a887c8046f05" providerId="ADAL" clId="{A723C5D2-23E8-468D-9DC4-E2332766E26B}" dt="2020-11-16T16:03:27.423" v="236"/>
          <ac:grpSpMkLst>
            <pc:docMk/>
            <pc:sldMk cId="0" sldId="329"/>
            <ac:grpSpMk id="8" creationId="{5218324F-A2C6-421D-813D-C104A67DD341}"/>
          </ac:grpSpMkLst>
        </pc:grpChg>
        <pc:picChg chg="del">
          <ac:chgData name="Rosmorduc Vinca" userId="ad80fc01-cf55-4376-a825-a887c8046f05" providerId="ADAL" clId="{A723C5D2-23E8-468D-9DC4-E2332766E26B}" dt="2020-11-16T16:03:27.065" v="235" actId="478"/>
          <ac:picMkLst>
            <pc:docMk/>
            <pc:sldMk cId="0" sldId="329"/>
            <ac:picMk id="22532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6:07:35.307" v="268" actId="164"/>
        <pc:sldMkLst>
          <pc:docMk/>
          <pc:sldMk cId="0" sldId="330"/>
        </pc:sldMkLst>
        <pc:spChg chg="add mod">
          <ac:chgData name="Rosmorduc Vinca" userId="ad80fc01-cf55-4376-a825-a887c8046f05" providerId="ADAL" clId="{A723C5D2-23E8-468D-9DC4-E2332766E26B}" dt="2020-11-16T16:04:39.020" v="248" actId="164"/>
          <ac:spMkLst>
            <pc:docMk/>
            <pc:sldMk cId="0" sldId="330"/>
            <ac:spMk id="7" creationId="{6BB67A99-E184-43CB-8532-7706C45F204C}"/>
          </ac:spMkLst>
        </pc:spChg>
        <pc:spChg chg="add mod">
          <ac:chgData name="Rosmorduc Vinca" userId="ad80fc01-cf55-4376-a825-a887c8046f05" providerId="ADAL" clId="{A723C5D2-23E8-468D-9DC4-E2332766E26B}" dt="2020-11-16T16:07:35.307" v="268" actId="164"/>
          <ac:spMkLst>
            <pc:docMk/>
            <pc:sldMk cId="0" sldId="330"/>
            <ac:spMk id="11" creationId="{A5A30EF8-32D8-4388-B1B1-2C5DF0B47FD8}"/>
          </ac:spMkLst>
        </pc:spChg>
        <pc:spChg chg="mod">
          <ac:chgData name="Rosmorduc Vinca" userId="ad80fc01-cf55-4376-a825-a887c8046f05" providerId="ADAL" clId="{A723C5D2-23E8-468D-9DC4-E2332766E26B}" dt="2020-11-16T16:06:59.641" v="257" actId="1037"/>
          <ac:spMkLst>
            <pc:docMk/>
            <pc:sldMk cId="0" sldId="330"/>
            <ac:spMk id="23555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6:04:39.020" v="248" actId="164"/>
          <ac:grpSpMkLst>
            <pc:docMk/>
            <pc:sldMk cId="0" sldId="330"/>
            <ac:grpSpMk id="4" creationId="{6CB478BF-547B-45DC-98A4-62FC430DEE61}"/>
          </ac:grpSpMkLst>
        </pc:grpChg>
        <pc:grpChg chg="add mod">
          <ac:chgData name="Rosmorduc Vinca" userId="ad80fc01-cf55-4376-a825-a887c8046f05" providerId="ADAL" clId="{A723C5D2-23E8-468D-9DC4-E2332766E26B}" dt="2020-11-16T16:07:35.307" v="268" actId="164"/>
          <ac:grpSpMkLst>
            <pc:docMk/>
            <pc:sldMk cId="0" sldId="330"/>
            <ac:grpSpMk id="8" creationId="{BB041D92-5B4E-4632-A081-7D6B14BAC0B1}"/>
          </ac:grpSpMkLst>
        </pc:grpChg>
        <pc:picChg chg="add mod ord">
          <ac:chgData name="Rosmorduc Vinca" userId="ad80fc01-cf55-4376-a825-a887c8046f05" providerId="ADAL" clId="{A723C5D2-23E8-468D-9DC4-E2332766E26B}" dt="2020-11-16T16:04:39.020" v="248" actId="164"/>
          <ac:picMkLst>
            <pc:docMk/>
            <pc:sldMk cId="0" sldId="330"/>
            <ac:picMk id="3" creationId="{01A52FC8-08AE-41F2-8CCE-51E1635EC379}"/>
          </ac:picMkLst>
        </pc:picChg>
        <pc:picChg chg="add mod ord">
          <ac:chgData name="Rosmorduc Vinca" userId="ad80fc01-cf55-4376-a825-a887c8046f05" providerId="ADAL" clId="{A723C5D2-23E8-468D-9DC4-E2332766E26B}" dt="2020-11-16T16:07:35.307" v="268" actId="164"/>
          <ac:picMkLst>
            <pc:docMk/>
            <pc:sldMk cId="0" sldId="330"/>
            <ac:picMk id="6" creationId="{48F0F003-88F4-421A-BF3F-94A301CE08DB}"/>
          </ac:picMkLst>
        </pc:picChg>
        <pc:picChg chg="del">
          <ac:chgData name="Rosmorduc Vinca" userId="ad80fc01-cf55-4376-a825-a887c8046f05" providerId="ADAL" clId="{A723C5D2-23E8-468D-9DC4-E2332766E26B}" dt="2020-11-16T16:04:03.739" v="241" actId="478"/>
          <ac:picMkLst>
            <pc:docMk/>
            <pc:sldMk cId="0" sldId="330"/>
            <ac:picMk id="23556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6:23:41.941" v="271" actId="404"/>
        <pc:sldMkLst>
          <pc:docMk/>
          <pc:sldMk cId="0" sldId="332"/>
        </pc:sldMkLst>
        <pc:spChg chg="mod">
          <ac:chgData name="Rosmorduc Vinca" userId="ad80fc01-cf55-4376-a825-a887c8046f05" providerId="ADAL" clId="{A723C5D2-23E8-468D-9DC4-E2332766E26B}" dt="2020-11-16T16:23:41.941" v="271" actId="404"/>
          <ac:spMkLst>
            <pc:docMk/>
            <pc:sldMk cId="0" sldId="332"/>
            <ac:spMk id="26627" creationId="{00000000-0000-0000-0000-000000000000}"/>
          </ac:spMkLst>
        </pc:spChg>
        <pc:grpChg chg="add">
          <ac:chgData name="Rosmorduc Vinca" userId="ad80fc01-cf55-4376-a825-a887c8046f05" providerId="ADAL" clId="{A723C5D2-23E8-468D-9DC4-E2332766E26B}" dt="2020-11-16T16:23:33.361" v="270"/>
          <ac:grpSpMkLst>
            <pc:docMk/>
            <pc:sldMk cId="0" sldId="332"/>
            <ac:grpSpMk id="5" creationId="{E5B3837C-9569-4173-A660-DBE8EB121B0B}"/>
          </ac:grpSpMkLst>
        </pc:grpChg>
        <pc:grpChg chg="add">
          <ac:chgData name="Rosmorduc Vinca" userId="ad80fc01-cf55-4376-a825-a887c8046f05" providerId="ADAL" clId="{A723C5D2-23E8-468D-9DC4-E2332766E26B}" dt="2020-11-16T16:23:33.361" v="270"/>
          <ac:grpSpMkLst>
            <pc:docMk/>
            <pc:sldMk cId="0" sldId="332"/>
            <ac:grpSpMk id="8" creationId="{072DE717-0B9A-486A-ADC5-28426C4CB489}"/>
          </ac:grpSpMkLst>
        </pc:grpChg>
        <pc:picChg chg="del">
          <ac:chgData name="Rosmorduc Vinca" userId="ad80fc01-cf55-4376-a825-a887c8046f05" providerId="ADAL" clId="{A723C5D2-23E8-468D-9DC4-E2332766E26B}" dt="2020-11-16T16:23:32.942" v="269" actId="478"/>
          <ac:picMkLst>
            <pc:docMk/>
            <pc:sldMk cId="0" sldId="332"/>
            <ac:picMk id="26628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6:25:39.801" v="279" actId="1076"/>
        <pc:sldMkLst>
          <pc:docMk/>
          <pc:sldMk cId="0" sldId="334"/>
        </pc:sldMkLst>
        <pc:spChg chg="mod">
          <ac:chgData name="Rosmorduc Vinca" userId="ad80fc01-cf55-4376-a825-a887c8046f05" providerId="ADAL" clId="{A723C5D2-23E8-468D-9DC4-E2332766E26B}" dt="2020-11-16T16:25:34.176" v="278" actId="14100"/>
          <ac:spMkLst>
            <pc:docMk/>
            <pc:sldMk cId="0" sldId="334"/>
            <ac:spMk id="25604" creationId="{00000000-0000-0000-0000-000000000000}"/>
          </ac:spMkLst>
        </pc:spChg>
        <pc:grpChg chg="add mod">
          <ac:chgData name="Rosmorduc Vinca" userId="ad80fc01-cf55-4376-a825-a887c8046f05" providerId="ADAL" clId="{A723C5D2-23E8-468D-9DC4-E2332766E26B}" dt="2020-11-16T16:25:39.801" v="279" actId="1076"/>
          <ac:grpSpMkLst>
            <pc:docMk/>
            <pc:sldMk cId="0" sldId="334"/>
            <ac:grpSpMk id="6" creationId="{1830FA92-C5E7-4214-977B-C8E2872BD2F2}"/>
          </ac:grpSpMkLst>
        </pc:grpChg>
        <pc:picChg chg="add">
          <ac:chgData name="Rosmorduc Vinca" userId="ad80fc01-cf55-4376-a825-a887c8046f05" providerId="ADAL" clId="{A723C5D2-23E8-468D-9DC4-E2332766E26B}" dt="2020-11-16T16:25:25.360" v="276"/>
          <ac:picMkLst>
            <pc:docMk/>
            <pc:sldMk cId="0" sldId="334"/>
            <ac:picMk id="5" creationId="{F3997183-9F86-48C8-816A-06F8E88D4B3E}"/>
          </ac:picMkLst>
        </pc:picChg>
        <pc:picChg chg="del">
          <ac:chgData name="Rosmorduc Vinca" userId="ad80fc01-cf55-4376-a825-a887c8046f05" providerId="ADAL" clId="{A723C5D2-23E8-468D-9DC4-E2332766E26B}" dt="2020-11-16T16:23:57.087" v="275" actId="478"/>
          <ac:picMkLst>
            <pc:docMk/>
            <pc:sldMk cId="0" sldId="334"/>
            <ac:picMk id="25602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A723C5D2-23E8-468D-9DC4-E2332766E26B}" dt="2020-11-16T15:32:03.193" v="111" actId="14100"/>
        <pc:sldMkLst>
          <pc:docMk/>
          <pc:sldMk cId="0" sldId="343"/>
        </pc:sldMkLst>
        <pc:spChg chg="mod">
          <ac:chgData name="Rosmorduc Vinca" userId="ad80fc01-cf55-4376-a825-a887c8046f05" providerId="ADAL" clId="{A723C5D2-23E8-468D-9DC4-E2332766E26B}" dt="2020-11-16T15:31:49.406" v="108" actId="207"/>
          <ac:spMkLst>
            <pc:docMk/>
            <pc:sldMk cId="0" sldId="343"/>
            <ac:spMk id="6146" creationId="{00000000-0000-0000-0000-000000000000}"/>
          </ac:spMkLst>
        </pc:spChg>
        <pc:grpChg chg="add mod ord">
          <ac:chgData name="Rosmorduc Vinca" userId="ad80fc01-cf55-4376-a825-a887c8046f05" providerId="ADAL" clId="{A723C5D2-23E8-468D-9DC4-E2332766E26B}" dt="2020-11-16T15:32:03.193" v="111" actId="14100"/>
          <ac:grpSpMkLst>
            <pc:docMk/>
            <pc:sldMk cId="0" sldId="343"/>
            <ac:grpSpMk id="5" creationId="{0480F926-8740-4816-945D-AFC2A7DE8D36}"/>
          </ac:grpSpMkLst>
        </pc:grpChg>
        <pc:picChg chg="add del mod ord">
          <ac:chgData name="Rosmorduc Vinca" userId="ad80fc01-cf55-4376-a825-a887c8046f05" providerId="ADAL" clId="{A723C5D2-23E8-468D-9DC4-E2332766E26B}" dt="2020-11-16T14:43:17.184" v="91"/>
          <ac:picMkLst>
            <pc:docMk/>
            <pc:sldMk cId="0" sldId="343"/>
            <ac:picMk id="2" creationId="{84DD3FDB-7769-4DFE-A6EA-EB414343DB13}"/>
          </ac:picMkLst>
        </pc:picChg>
      </pc:sldChg>
      <pc:sldChg chg="modSp mod">
        <pc:chgData name="Rosmorduc Vinca" userId="ad80fc01-cf55-4376-a825-a887c8046f05" providerId="ADAL" clId="{A723C5D2-23E8-468D-9DC4-E2332766E26B}" dt="2020-11-16T15:34:11.835" v="132" actId="20577"/>
        <pc:sldMkLst>
          <pc:docMk/>
          <pc:sldMk cId="246926335" sldId="349"/>
        </pc:sldMkLst>
        <pc:spChg chg="mod">
          <ac:chgData name="Rosmorduc Vinca" userId="ad80fc01-cf55-4376-a825-a887c8046f05" providerId="ADAL" clId="{A723C5D2-23E8-468D-9DC4-E2332766E26B}" dt="2020-11-16T15:34:11.835" v="132" actId="20577"/>
          <ac:spMkLst>
            <pc:docMk/>
            <pc:sldMk cId="246926335" sldId="349"/>
            <ac:spMk id="2" creationId="{49BA4B5B-BC26-492E-83CA-409EC086CA15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36" creationId="{8B90800D-F49D-41B5-AC8F-097738F2CEA1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37" creationId="{C31146F6-8855-424D-A675-9A099941B971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38" creationId="{80942E57-E05D-4DC0-A0CB-2EE5B047B863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39" creationId="{666B5E10-BEF9-4A92-8A7F-C881CD2C6D2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40" creationId="{000E2FA6-FB46-4B64-AA7E-F27C459E231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41" creationId="{B851E857-379D-444F-B1BD-FB32A3FD20F2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542" creationId="{AF8F8290-B2EE-40DE-B159-C6F348B423C1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80" creationId="{F435C389-5473-4F29-B279-7786ADF10BF6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82" creationId="{5801A7BC-224B-4BCC-888B-A08CEB98285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84" creationId="{300097E3-4BF4-4BCC-9AA5-E3EE0FBE7AC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86" creationId="{B1CF4360-CF74-4ECB-AC63-F32E5BC3D019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88" creationId="{12047D1B-715E-41D8-8331-A364784F4F52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90" creationId="{0A2DA8E1-6C85-484B-AAAE-F277D8894717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998" creationId="{AA3F7551-688E-4159-AC17-A7D42FCB03A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04" creationId="{74C2F61F-E4EB-4BF4-B86F-AE811C86AE5B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05" creationId="{C1A6C68A-37BB-49A8-9305-59DC7A8FE569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06" creationId="{69E90866-0A41-4B7B-AF0B-9B301AC15E8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12" creationId="{C2551089-6A67-4F47-8848-1D443D75720D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13" creationId="{8E28C1B7-2DBE-4255-8765-A63863E656F4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14" creationId="{55B83EB2-E7BA-49B6-89F8-C5A2F368DB95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20" creationId="{EBF1DC92-4EF3-4EF3-9850-C9A55E0798C4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21" creationId="{E24A0CD3-99C1-4561-BEA5-ED480AA41009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22" creationId="{EAEC662F-8EDA-4A46-9884-DAEC9CBAF27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28" creationId="{763B8A50-5781-46C5-8A7E-082499819C09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29" creationId="{BFE657A1-89FE-4BCD-B35C-81F4862B8C73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30" creationId="{9A69854A-3E53-431C-9F57-1E1A66E46D66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36" creationId="{0B4FC796-F777-48C5-8A1F-557CFC54F800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37" creationId="{ABCB516A-B300-4A0D-9D23-88ABE76579DB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38" creationId="{9D7830FA-3C4A-47B2-8663-83C873465E56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44" creationId="{B6AA2A50-D8E1-4142-A985-A42FB4CC8922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45" creationId="{6021DB01-139C-4112-B922-99EEE6B7D7D9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46" creationId="{31DF4637-D048-437E-8873-60CC8C0B45D5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52" creationId="{5A49F869-F4BA-4AEA-A63C-4327BAAEA17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53" creationId="{5148DABC-D81A-4CB9-837A-2C2334598DD6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54" creationId="{FFB21605-69F5-4B25-8856-A8586C65122E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60" creationId="{CFDCC3EF-B2D9-4BEF-B4AE-EF391EA6E9A4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61" creationId="{C7653FBC-8366-461D-9102-2572D0338342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62" creationId="{E48F631C-7E02-4CBD-9640-0384C17669C4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68" creationId="{98DA79E5-FECF-4930-B921-AE9D4BADF07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69" creationId="{BE68BDE4-424D-4005-B03E-F74675838B63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70" creationId="{D6A6F727-6F54-4603-AF7E-B18BA354BDCC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76" creationId="{A265561D-8672-4B25-9009-BD2D6A6D1CD7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77" creationId="{3CB85637-6A38-4836-886B-3847F0382BAC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78" creationId="{EECA2EF8-A4E5-4FCB-A0AF-98DF50945C2C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84" creationId="{A0B0CB27-EA26-49D7-86F7-A5CD891DE010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85" creationId="{6B46CE82-5CBD-4DDA-B98D-9DCB0EDB12AF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86" creationId="{F90D7ACE-DE0A-45E5-B2D0-30395D10A5D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92" creationId="{DCFDB5FC-5A72-42DE-8439-692A1BACD6E6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93" creationId="{5F780928-60B2-41E7-9B91-AD71E04316B5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094" creationId="{76CAA860-AF78-49FA-84F9-3E669BF03CA4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00" creationId="{953DC9E1-10A5-4574-AC7F-33210242C8B1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01" creationId="{8833ECD0-501C-411E-9A66-E03E5F3725A7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02" creationId="{C4FC18FE-D410-4A12-AC87-9BA60AA79A9A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08" creationId="{55A99C1C-E1C3-4406-A8FF-DD3335B4BFC7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09" creationId="{14AEDE16-A576-4165-8DCC-C7FBEB0EA598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10" creationId="{B41F8A26-14EF-4E26-B6DA-6EFBF919A01E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16" creationId="{1D8B52BB-A409-4E9F-A610-B4C1242557ED}"/>
          </ac:spMkLst>
        </pc:spChg>
        <pc:spChg chg="mod">
          <ac:chgData name="Rosmorduc Vinca" userId="ad80fc01-cf55-4376-a825-a887c8046f05" providerId="ADAL" clId="{A723C5D2-23E8-468D-9DC4-E2332766E26B}" dt="2020-11-16T15:34:02.285" v="112" actId="1076"/>
          <ac:spMkLst>
            <pc:docMk/>
            <pc:sldMk cId="246926335" sldId="349"/>
            <ac:spMk id="1117" creationId="{1B0A9D6A-2921-4BD6-BC94-0CF7541425CE}"/>
          </ac:spMkLst>
        </pc:sp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543" creationId="{F62BF0D9-26F4-4A01-A002-F38FBDA9137F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0" creationId="{44B8F053-7EC2-4A36-8699-D7A7DB6E68AA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1" creationId="{5CCDF141-96C2-437F-ACE9-11DB77BE5687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2" creationId="{116AA96E-F424-4140-98C5-E3FD995BFDC4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3" creationId="{2CB67EF8-900C-4704-8411-E5D2E277015B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4" creationId="{FF4D8C4B-F725-456D-BFC5-F232632C7FFE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5" creationId="{0A32C7A4-A0C0-4E7E-BFD8-AFBE77C1C316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6" creationId="{81480E88-C4AA-4C10-B112-60BCA0918BE2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807" creationId="{FA8E1005-9F85-4DB0-ACC0-405413E9D709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81" creationId="{544C0294-A089-4B1F-8F61-6433786F8B45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83" creationId="{9A07DD7E-7B43-425A-B7E6-36B4FD3C9CBF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85" creationId="{FA2ABA93-3B5C-433D-B61D-8D2CF8249A86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87" creationId="{532F6684-DD53-452D-ABE1-26C6592ED7C8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89" creationId="{0491B842-3FC4-4743-818B-544648483792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1" creationId="{69FCF171-3B07-4761-9198-6B16EB12E418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2" creationId="{99FFE817-7432-4938-A4AD-22DBFFEA5964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3" creationId="{4C519DA0-2299-4BF0-A404-18B015AF1DD7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4" creationId="{0B4C784F-A6CF-4D50-AC23-15AF2D263275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5" creationId="{B3EE6587-23F9-4E48-9CB9-24B65CD9B5EA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6" creationId="{7BC8DFD9-5C84-4652-9416-50F21112B5BF}"/>
          </ac:cxnSpMkLst>
        </pc:cxnChg>
        <pc:cxnChg chg="mod">
          <ac:chgData name="Rosmorduc Vinca" userId="ad80fc01-cf55-4376-a825-a887c8046f05" providerId="ADAL" clId="{A723C5D2-23E8-468D-9DC4-E2332766E26B}" dt="2020-11-16T15:34:02.285" v="112" actId="1076"/>
          <ac:cxnSpMkLst>
            <pc:docMk/>
            <pc:sldMk cId="246926335" sldId="349"/>
            <ac:cxnSpMk id="997" creationId="{B496102D-8E39-4B70-B40A-D91466CE4205}"/>
          </ac:cxnSpMkLst>
        </pc:cxnChg>
      </pc:sldChg>
      <pc:sldChg chg="add">
        <pc:chgData name="Rosmorduc Vinca" userId="ad80fc01-cf55-4376-a825-a887c8046f05" providerId="ADAL" clId="{A723C5D2-23E8-468D-9DC4-E2332766E26B}" dt="2020-11-16T15:27:50.873" v="105"/>
        <pc:sldMkLst>
          <pc:docMk/>
          <pc:sldMk cId="2987269871" sldId="354"/>
        </pc:sldMkLst>
      </pc:sldChg>
    </pc:docChg>
  </pc:docChgLst>
  <pc:docChgLst>
    <pc:chgData name="Rosmorduc Vinca" userId="ad80fc01-cf55-4376-a825-a887c8046f05" providerId="ADAL" clId="{82D5C4E3-791D-4666-8809-A737AFB9CE84}"/>
    <pc:docChg chg="delSld">
      <pc:chgData name="Rosmorduc Vinca" userId="ad80fc01-cf55-4376-a825-a887c8046f05" providerId="ADAL" clId="{82D5C4E3-791D-4666-8809-A737AFB9CE84}" dt="2020-04-21T12:25:43.792" v="4" actId="47"/>
      <pc:docMkLst>
        <pc:docMk/>
      </pc:docMkLst>
      <pc:sldChg chg="del">
        <pc:chgData name="Rosmorduc Vinca" userId="ad80fc01-cf55-4376-a825-a887c8046f05" providerId="ADAL" clId="{82D5C4E3-791D-4666-8809-A737AFB9CE84}" dt="2020-04-21T12:25:25.716" v="1" actId="47"/>
        <pc:sldMkLst>
          <pc:docMk/>
          <pc:sldMk cId="0" sldId="285"/>
        </pc:sldMkLst>
      </pc:sldChg>
      <pc:sldChg chg="del">
        <pc:chgData name="Rosmorduc Vinca" userId="ad80fc01-cf55-4376-a825-a887c8046f05" providerId="ADAL" clId="{82D5C4E3-791D-4666-8809-A737AFB9CE84}" dt="2020-04-21T12:25:24.287" v="0" actId="47"/>
        <pc:sldMkLst>
          <pc:docMk/>
          <pc:sldMk cId="0" sldId="306"/>
        </pc:sldMkLst>
      </pc:sldChg>
      <pc:sldChg chg="del">
        <pc:chgData name="Rosmorduc Vinca" userId="ad80fc01-cf55-4376-a825-a887c8046f05" providerId="ADAL" clId="{82D5C4E3-791D-4666-8809-A737AFB9CE84}" dt="2020-04-21T12:25:30.700" v="2" actId="47"/>
        <pc:sldMkLst>
          <pc:docMk/>
          <pc:sldMk cId="0" sldId="309"/>
        </pc:sldMkLst>
      </pc:sldChg>
      <pc:sldChg chg="del">
        <pc:chgData name="Rosmorduc Vinca" userId="ad80fc01-cf55-4376-a825-a887c8046f05" providerId="ADAL" clId="{82D5C4E3-791D-4666-8809-A737AFB9CE84}" dt="2020-04-21T12:25:37.190" v="3" actId="47"/>
        <pc:sldMkLst>
          <pc:docMk/>
          <pc:sldMk cId="0" sldId="327"/>
        </pc:sldMkLst>
      </pc:sldChg>
      <pc:sldChg chg="del">
        <pc:chgData name="Rosmorduc Vinca" userId="ad80fc01-cf55-4376-a825-a887c8046f05" providerId="ADAL" clId="{82D5C4E3-791D-4666-8809-A737AFB9CE84}" dt="2020-04-21T12:25:43.792" v="4" actId="47"/>
        <pc:sldMkLst>
          <pc:docMk/>
          <pc:sldMk cId="0" sldId="331"/>
        </pc:sldMkLst>
      </pc:sldChg>
    </pc:docChg>
  </pc:docChgLst>
  <pc:docChgLst>
    <pc:chgData name="Rosmorduc Vinca" userId="ad80fc01-cf55-4376-a825-a887c8046f05" providerId="ADAL" clId="{025EB96D-C16B-4166-9BA8-B08F4E26682D}"/>
    <pc:docChg chg="modSld">
      <pc:chgData name="Rosmorduc Vinca" userId="ad80fc01-cf55-4376-a825-a887c8046f05" providerId="ADAL" clId="{025EB96D-C16B-4166-9BA8-B08F4E26682D}" dt="2020-11-26T11:28:47.812" v="0" actId="14826"/>
      <pc:docMkLst>
        <pc:docMk/>
      </pc:docMkLst>
      <pc:sldChg chg="modSp">
        <pc:chgData name="Rosmorduc Vinca" userId="ad80fc01-cf55-4376-a825-a887c8046f05" providerId="ADAL" clId="{025EB96D-C16B-4166-9BA8-B08F4E26682D}" dt="2020-11-26T11:28:47.812" v="0" actId="14826"/>
        <pc:sldMkLst>
          <pc:docMk/>
          <pc:sldMk cId="0" sldId="329"/>
        </pc:sldMkLst>
        <pc:grpChg chg="mod">
          <ac:chgData name="Rosmorduc Vinca" userId="ad80fc01-cf55-4376-a825-a887c8046f05" providerId="ADAL" clId="{025EB96D-C16B-4166-9BA8-B08F4E26682D}" dt="2020-11-26T11:28:47.812" v="0" actId="14826"/>
          <ac:grpSpMkLst>
            <pc:docMk/>
            <pc:sldMk cId="0" sldId="329"/>
            <ac:grpSpMk id="5" creationId="{6DDDCD47-8B68-4AA6-AEBA-F0E67DF2D741}"/>
          </ac:grpSpMkLst>
        </pc:grpChg>
        <pc:picChg chg="mod">
          <ac:chgData name="Rosmorduc Vinca" userId="ad80fc01-cf55-4376-a825-a887c8046f05" providerId="ADAL" clId="{025EB96D-C16B-4166-9BA8-B08F4E26682D}" dt="2020-11-26T11:28:47.812" v="0" actId="14826"/>
          <ac:picMkLst>
            <pc:docMk/>
            <pc:sldMk cId="0" sldId="329"/>
            <ac:picMk id="6" creationId="{F587C5CD-D8C9-4E20-A2A4-EDAE2DFEBC67}"/>
          </ac:picMkLst>
        </pc:picChg>
      </pc:sldChg>
    </pc:docChg>
  </pc:docChgLst>
  <pc:docChgLst>
    <pc:chgData name="Rosmorduc Vinca" userId="ad80fc01-cf55-4376-a825-a887c8046f05" providerId="ADAL" clId="{A74FD233-2F83-493A-90A7-F88D168842CD}"/>
    <pc:docChg chg="custSel addSld delSld modSld modMainMaster">
      <pc:chgData name="Rosmorduc Vinca" userId="ad80fc01-cf55-4376-a825-a887c8046f05" providerId="ADAL" clId="{A74FD233-2F83-493A-90A7-F88D168842CD}" dt="2019-07-29T13:27:46.525" v="154" actId="20577"/>
      <pc:docMkLst>
        <pc:docMk/>
      </pc:docMkLst>
      <pc:sldChg chg="modSp">
        <pc:chgData name="Rosmorduc Vinca" userId="ad80fc01-cf55-4376-a825-a887c8046f05" providerId="ADAL" clId="{A74FD233-2F83-493A-90A7-F88D168842CD}" dt="2019-07-29T13:23:11.652" v="53" actId="6549"/>
        <pc:sldMkLst>
          <pc:docMk/>
          <pc:sldMk cId="0" sldId="285"/>
        </pc:sldMkLst>
        <pc:spChg chg="mod">
          <ac:chgData name="Rosmorduc Vinca" userId="ad80fc01-cf55-4376-a825-a887c8046f05" providerId="ADAL" clId="{A74FD233-2F83-493A-90A7-F88D168842CD}" dt="2019-07-29T13:22:06.541" v="10" actId="179"/>
          <ac:spMkLst>
            <pc:docMk/>
            <pc:sldMk cId="0" sldId="285"/>
            <ac:spMk id="1229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3:11.652" v="53" actId="6549"/>
          <ac:spMkLst>
            <pc:docMk/>
            <pc:sldMk cId="0" sldId="285"/>
            <ac:spMk id="12291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285"/>
            <ac:picMk id="12292" creationId="{00000000-0000-0000-0000-000000000000}"/>
          </ac:picMkLst>
        </pc:picChg>
      </pc:sldChg>
      <pc:sldChg chg="addSp modSp">
        <pc:chgData name="Rosmorduc Vinca" userId="ad80fc01-cf55-4376-a825-a887c8046f05" providerId="ADAL" clId="{A74FD233-2F83-493A-90A7-F88D168842CD}" dt="2019-07-29T13:23:25.293" v="58" actId="20577"/>
        <pc:sldMkLst>
          <pc:docMk/>
          <pc:sldMk cId="0" sldId="306"/>
        </pc:sldMkLst>
        <pc:spChg chg="add mod">
          <ac:chgData name="Rosmorduc Vinca" userId="ad80fc01-cf55-4376-a825-a887c8046f05" providerId="ADAL" clId="{A74FD233-2F83-493A-90A7-F88D168842CD}" dt="2019-07-29T13:23:25.293" v="58" actId="20577"/>
          <ac:spMkLst>
            <pc:docMk/>
            <pc:sldMk cId="0" sldId="306"/>
            <ac:spMk id="2" creationId="{4BFA7ACC-D4CB-4DD4-8FE0-374732EB83B7}"/>
          </ac:spMkLst>
        </pc:spChg>
        <pc:spChg chg="mod">
          <ac:chgData name="Rosmorduc Vinca" userId="ad80fc01-cf55-4376-a825-a887c8046f05" providerId="ADAL" clId="{A74FD233-2F83-493A-90A7-F88D168842CD}" dt="2019-07-29T13:21:58.870" v="9" actId="179"/>
          <ac:spMkLst>
            <pc:docMk/>
            <pc:sldMk cId="0" sldId="306"/>
            <ac:spMk id="1126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6"/>
            <ac:spMk id="1126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6"/>
            <ac:picMk id="1126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1:50.963" v="8" actId="179"/>
        <pc:sldMkLst>
          <pc:docMk/>
          <pc:sldMk cId="0" sldId="307"/>
        </pc:sldMkLst>
        <pc:spChg chg="mod">
          <ac:chgData name="Rosmorduc Vinca" userId="ad80fc01-cf55-4376-a825-a887c8046f05" providerId="ADAL" clId="{A74FD233-2F83-493A-90A7-F88D168842CD}" dt="2019-07-29T13:21:50.963" v="8" actId="179"/>
          <ac:spMkLst>
            <pc:docMk/>
            <pc:sldMk cId="0" sldId="307"/>
            <ac:spMk id="1331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7"/>
            <ac:spMk id="1331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7"/>
            <ac:picMk id="13316" creationId="{00000000-0000-0000-0000-000000000000}"/>
          </ac:picMkLst>
        </pc:pic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7"/>
            <ac:picMk id="13317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01.340" v="52" actId="179"/>
        <pc:sldMkLst>
          <pc:docMk/>
          <pc:sldMk cId="0" sldId="308"/>
        </pc:sldMkLst>
        <pc:spChg chg="mod">
          <ac:chgData name="Rosmorduc Vinca" userId="ad80fc01-cf55-4376-a825-a887c8046f05" providerId="ADAL" clId="{A74FD233-2F83-493A-90A7-F88D168842CD}" dt="2019-07-29T13:23:01.340" v="52" actId="179"/>
          <ac:spMkLst>
            <pc:docMk/>
            <pc:sldMk cId="0" sldId="308"/>
            <ac:spMk id="1433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8"/>
            <ac:spMk id="14339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8"/>
            <ac:picMk id="1434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41.512" v="64" actId="20577"/>
        <pc:sldMkLst>
          <pc:docMk/>
          <pc:sldMk cId="0" sldId="309"/>
        </pc:sldMkLst>
        <pc:spChg chg="mod">
          <ac:chgData name="Rosmorduc Vinca" userId="ad80fc01-cf55-4376-a825-a887c8046f05" providerId="ADAL" clId="{A74FD233-2F83-493A-90A7-F88D168842CD}" dt="2019-07-29T13:23:36.277" v="59" actId="179"/>
          <ac:spMkLst>
            <pc:docMk/>
            <pc:sldMk cId="0" sldId="309"/>
            <ac:spMk id="15362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3:41.512" v="64" actId="20577"/>
          <ac:spMkLst>
            <pc:docMk/>
            <pc:sldMk cId="0" sldId="309"/>
            <ac:spMk id="15363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9"/>
            <ac:picMk id="15364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51.231" v="65" actId="179"/>
        <pc:sldMkLst>
          <pc:docMk/>
          <pc:sldMk cId="0" sldId="310"/>
        </pc:sldMkLst>
        <pc:spChg chg="mod">
          <ac:chgData name="Rosmorduc Vinca" userId="ad80fc01-cf55-4376-a825-a887c8046f05" providerId="ADAL" clId="{A74FD233-2F83-493A-90A7-F88D168842CD}" dt="2019-07-29T13:23:51.231" v="65" actId="179"/>
          <ac:spMkLst>
            <pc:docMk/>
            <pc:sldMk cId="0" sldId="310"/>
            <ac:spMk id="1638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0"/>
            <ac:spMk id="1638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0"/>
            <ac:picMk id="1638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59.481" v="66" actId="179"/>
        <pc:sldMkLst>
          <pc:docMk/>
          <pc:sldMk cId="0" sldId="312"/>
        </pc:sldMkLst>
        <pc:spChg chg="mod">
          <ac:chgData name="Rosmorduc Vinca" userId="ad80fc01-cf55-4376-a825-a887c8046f05" providerId="ADAL" clId="{A74FD233-2F83-493A-90A7-F88D168842CD}" dt="2019-07-29T13:23:59.481" v="66" actId="179"/>
          <ac:spMkLst>
            <pc:docMk/>
            <pc:sldMk cId="0" sldId="312"/>
            <ac:spMk id="17411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2"/>
            <ac:spMk id="17412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2"/>
            <ac:picMk id="1741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09.090" v="68" actId="179"/>
        <pc:sldMkLst>
          <pc:docMk/>
          <pc:sldMk cId="0" sldId="318"/>
        </pc:sldMkLst>
        <pc:spChg chg="mod">
          <ac:chgData name="Rosmorduc Vinca" userId="ad80fc01-cf55-4376-a825-a887c8046f05" providerId="ADAL" clId="{A74FD233-2F83-493A-90A7-F88D168842CD}" dt="2019-07-29T13:24:09.090" v="68" actId="179"/>
          <ac:spMkLst>
            <pc:docMk/>
            <pc:sldMk cId="0" sldId="318"/>
            <ac:spMk id="1843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8"/>
            <ac:spMk id="1843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8"/>
            <ac:picMk id="18436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14.887" v="79" actId="20577"/>
        <pc:sldMkLst>
          <pc:docMk/>
          <pc:sldMk cId="0" sldId="324"/>
        </pc:sldMkLst>
        <pc:spChg chg="mod">
          <ac:chgData name="Rosmorduc Vinca" userId="ad80fc01-cf55-4376-a825-a887c8046f05" providerId="ADAL" clId="{A74FD233-2F83-493A-90A7-F88D168842CD}" dt="2019-07-29T13:24:16.731" v="69" actId="179"/>
          <ac:spMkLst>
            <pc:docMk/>
            <pc:sldMk cId="0" sldId="324"/>
            <ac:spMk id="1945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5:14.887" v="79" actId="20577"/>
          <ac:spMkLst>
            <pc:docMk/>
            <pc:sldMk cId="0" sldId="324"/>
            <ac:spMk id="19459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4"/>
            <ac:picMk id="1946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30.731" v="72" actId="179"/>
        <pc:sldMkLst>
          <pc:docMk/>
          <pc:sldMk cId="0" sldId="327"/>
        </pc:sldMkLst>
        <pc:spChg chg="mod">
          <ac:chgData name="Rosmorduc Vinca" userId="ad80fc01-cf55-4376-a825-a887c8046f05" providerId="ADAL" clId="{A74FD233-2F83-493A-90A7-F88D168842CD}" dt="2019-07-29T13:24:30.731" v="72" actId="179"/>
          <ac:spMkLst>
            <pc:docMk/>
            <pc:sldMk cId="0" sldId="327"/>
            <ac:spMk id="20482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27"/>
            <ac:spMk id="20483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7"/>
            <ac:picMk id="20484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41.418" v="73" actId="179"/>
        <pc:sldMkLst>
          <pc:docMk/>
          <pc:sldMk cId="0" sldId="328"/>
        </pc:sldMkLst>
        <pc:spChg chg="mod">
          <ac:chgData name="Rosmorduc Vinca" userId="ad80fc01-cf55-4376-a825-a887c8046f05" providerId="ADAL" clId="{A74FD233-2F83-493A-90A7-F88D168842CD}" dt="2019-07-29T13:24:41.418" v="73" actId="179"/>
          <ac:spMkLst>
            <pc:docMk/>
            <pc:sldMk cId="0" sldId="328"/>
            <ac:spMk id="2150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28"/>
            <ac:spMk id="2150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8"/>
            <ac:picMk id="2150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39.983" v="104" actId="14100"/>
        <pc:sldMkLst>
          <pc:docMk/>
          <pc:sldMk cId="0" sldId="329"/>
        </pc:sldMkLst>
        <pc:spChg chg="mod">
          <ac:chgData name="Rosmorduc Vinca" userId="ad80fc01-cf55-4376-a825-a887c8046f05" providerId="ADAL" clId="{A74FD233-2F83-493A-90A7-F88D168842CD}" dt="2019-07-29T13:24:48.824" v="74" actId="179"/>
          <ac:spMkLst>
            <pc:docMk/>
            <pc:sldMk cId="0" sldId="329"/>
            <ac:spMk id="2253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5:35.436" v="102" actId="20577"/>
          <ac:spMkLst>
            <pc:docMk/>
            <pc:sldMk cId="0" sldId="329"/>
            <ac:spMk id="22531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25:39.983" v="104" actId="14100"/>
          <ac:picMkLst>
            <pc:docMk/>
            <pc:sldMk cId="0" sldId="329"/>
            <ac:picMk id="22532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52.980" v="105" actId="179"/>
        <pc:sldMkLst>
          <pc:docMk/>
          <pc:sldMk cId="0" sldId="330"/>
        </pc:sldMkLst>
        <pc:spChg chg="mod">
          <ac:chgData name="Rosmorduc Vinca" userId="ad80fc01-cf55-4376-a825-a887c8046f05" providerId="ADAL" clId="{A74FD233-2F83-493A-90A7-F88D168842CD}" dt="2019-07-29T13:25:52.980" v="105" actId="179"/>
          <ac:spMkLst>
            <pc:docMk/>
            <pc:sldMk cId="0" sldId="330"/>
            <ac:spMk id="2355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0"/>
            <ac:spMk id="2355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30"/>
            <ac:picMk id="23556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6:04.370" v="107" actId="1076"/>
        <pc:sldMkLst>
          <pc:docMk/>
          <pc:sldMk cId="0" sldId="331"/>
        </pc:sldMkLst>
        <pc:spChg chg="mod">
          <ac:chgData name="Rosmorduc Vinca" userId="ad80fc01-cf55-4376-a825-a887c8046f05" providerId="ADAL" clId="{A74FD233-2F83-493A-90A7-F88D168842CD}" dt="2019-07-29T13:26:00.745" v="106" actId="179"/>
          <ac:spMkLst>
            <pc:docMk/>
            <pc:sldMk cId="0" sldId="331"/>
            <ac:spMk id="2457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1"/>
            <ac:spMk id="24579" creationId="{00000000-0000-0000-0000-000000000000}"/>
          </ac:spMkLst>
        </pc:spChg>
        <pc:grpChg chg="mod">
          <ac:chgData name="Rosmorduc Vinca" userId="ad80fc01-cf55-4376-a825-a887c8046f05" providerId="ADAL" clId="{A74FD233-2F83-493A-90A7-F88D168842CD}" dt="2019-07-29T13:26:04.370" v="107" actId="1076"/>
          <ac:grpSpMkLst>
            <pc:docMk/>
            <pc:sldMk cId="0" sldId="331"/>
            <ac:grpSpMk id="24580" creationId="{00000000-0000-0000-0000-000000000000}"/>
          </ac:grpSpMkLst>
        </pc:grpChg>
      </pc:sldChg>
      <pc:sldChg chg="modSp">
        <pc:chgData name="Rosmorduc Vinca" userId="ad80fc01-cf55-4376-a825-a887c8046f05" providerId="ADAL" clId="{A74FD233-2F83-493A-90A7-F88D168842CD}" dt="2019-07-29T13:26:35.963" v="114" actId="179"/>
        <pc:sldMkLst>
          <pc:docMk/>
          <pc:sldMk cId="0" sldId="332"/>
        </pc:sldMkLst>
        <pc:spChg chg="mod">
          <ac:chgData name="Rosmorduc Vinca" userId="ad80fc01-cf55-4376-a825-a887c8046f05" providerId="ADAL" clId="{A74FD233-2F83-493A-90A7-F88D168842CD}" dt="2019-07-29T13:26:35.963" v="114" actId="179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2"/>
            <ac:spMk id="2662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32"/>
            <ac:picMk id="2662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6:29.479" v="113" actId="1076"/>
        <pc:sldMkLst>
          <pc:docMk/>
          <pc:sldMk cId="0" sldId="334"/>
        </pc:sldMkLst>
        <pc:spChg chg="mod">
          <ac:chgData name="Rosmorduc Vinca" userId="ad80fc01-cf55-4376-a825-a887c8046f05" providerId="ADAL" clId="{A74FD233-2F83-493A-90A7-F88D168842CD}" dt="2019-07-29T13:26:17.573" v="108" actId="179"/>
          <ac:spMkLst>
            <pc:docMk/>
            <pc:sldMk cId="0" sldId="334"/>
            <ac:spMk id="25603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6:22.479" v="111" actId="20577"/>
          <ac:spMkLst>
            <pc:docMk/>
            <pc:sldMk cId="0" sldId="334"/>
            <ac:spMk id="25604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26:29.479" v="113" actId="1076"/>
          <ac:picMkLst>
            <pc:docMk/>
            <pc:sldMk cId="0" sldId="334"/>
            <ac:picMk id="25602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1:21.073" v="7" actId="20577"/>
        <pc:sldMkLst>
          <pc:docMk/>
          <pc:sldMk cId="0" sldId="346"/>
        </pc:sldMkLst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9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2" creationId="{537F88A2-C5F0-44B2-80C2-A1C6A690BC7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3" creationId="{6E94ED62-38EA-48A4-A0C1-04D288F4B2B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4" creationId="{5072D86C-5888-40B9-8102-AF722683E74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7" creationId="{E0A95897-4684-4571-8940-2422783C31C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8" creationId="{F873A9ED-15CE-4937-A0C5-280A38FA9BB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9" creationId="{5833705A-AEC5-4771-9B29-E9E9BE0BCD3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0" creationId="{97E890CD-C642-41E6-A8A0-46901704852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1" creationId="{BAED271A-0DF9-44AD-B72C-215AE9F0EE8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2" creationId="{9CA54663-B166-4C66-8969-75CEDCA371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3" creationId="{481ADF84-91EA-4827-9ECE-62DA1CBC41A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4" creationId="{6CD0BF78-436C-4900-A2FD-DE6C06CBE8E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5" creationId="{247BA738-720B-4B1A-AE01-C981D5AA39C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6" creationId="{2F8E137A-450B-4655-A166-95EDA158F5B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7" creationId="{F4A178EE-B00B-48E8-A3DB-B1A84706663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8" creationId="{7313BA7A-424D-43B3-871A-2163E65ED00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9" creationId="{87C24CB7-2315-4AEB-BC46-2A268998FB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0" creationId="{464189B8-45F2-4AE0-9809-746621CE4E3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1" creationId="{E10CBC71-E2D1-47BA-885E-0ED237AC013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2" creationId="{C417F183-07C4-4896-B2C0-E8A04C63190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3" creationId="{3FAC4151-E797-4802-AE97-07476BBBFC1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4" creationId="{19CD20E4-82D6-49D6-8B35-1742D620955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5" creationId="{BBA7B08C-8419-4C99-80A3-A568C1FCCAA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6" creationId="{FBE93D81-0798-4ECB-9EFF-D1DF60FD2A1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7" creationId="{BD797BC6-A4E9-4BC3-B113-5F22A79CBE8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8" creationId="{D5297544-A3A0-4EE9-AFF4-63A5EA0D75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9" creationId="{FF83FD49-23E1-4E5B-9B4E-5114D452BE1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0" creationId="{DE02D548-2D73-47F8-992C-E01B6953E5E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1" creationId="{6405A149-3FCA-416D-AF11-6FFEF083E6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2" creationId="{742758DE-D030-4EA8-AF01-0BBDF3C4D98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3" creationId="{2AD9EE1F-E26D-405F-AA46-4496B746DDE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4" creationId="{3C643A39-24C0-450A-A755-7F5A3FB1C57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5" creationId="{9155DC77-5991-4896-91D8-3D76A02C8A2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6" creationId="{1357D87B-8B99-447B-9016-850682F3100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7" creationId="{732E3463-94F3-4DC9-9AF7-A94A03460C2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8" creationId="{169368BC-E0E5-4273-B366-7F4B2DD2CAD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9" creationId="{C4D2D8AB-6339-4F98-804D-06F46816A7A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0" creationId="{C5C0AF95-27E4-4514-9785-1FE2052A6F0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1" creationId="{9A39D28C-A27A-43BC-9B6B-C795F106A6C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2" creationId="{69B26F55-5E2F-479D-A0E9-45FA98DC354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3" creationId="{6CE271D8-7258-4EE6-A5F7-16E18DA1E7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4" creationId="{5AE50153-5BBA-4B01-A87B-8BA87024CFB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5" creationId="{73229B25-063E-4452-93B0-E0E36AF9BD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6" creationId="{EECB4ADA-040B-494F-91D8-15F3D99365D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7" creationId="{CFF9D504-7359-4EAA-BC2E-CD6D18DF1F8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8" creationId="{4454C709-6C02-4731-9BAF-9C4A14490AA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9" creationId="{CDB02E71-8A19-4F32-A637-BA38415EB6A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0" creationId="{EFD2ADEE-A311-42AA-B39E-5C2B2D2940F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1" creationId="{8A16BDFA-1889-426A-8D7E-2BF2F64A53B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2" creationId="{65E10A5A-67CE-4DCB-AF8C-66E9D65C5F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3" creationId="{3AC53AD8-9474-4CD1-81BB-6A4E97FE68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4" creationId="{69D56D9C-4803-4F8A-9644-0747057C566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5" creationId="{555030AF-A006-4384-80D6-29DB79D359E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6" creationId="{A18A8D0B-43BE-4DBF-A17B-80619EA6C83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7" creationId="{4605D0D3-FC8D-4DC0-AFF4-F3A5102DF23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8" creationId="{668E6569-DAEE-421F-99AA-472B7596949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9" creationId="{9BB12070-36C0-4D00-805B-9ECC00519B9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0" creationId="{07AFD4BF-F2F6-4C1B-8F5F-EE66E36E040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1" creationId="{C735AAE7-A1F6-4515-94B1-E73E6C1EE9D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2" creationId="{FBADAC42-10C5-43D1-A414-B38A749416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3" creationId="{EC428775-D40B-4B09-8F80-F2F6A871EA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4" creationId="{AD7DDFC0-AC16-4D19-94BD-69FBB01613A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5" creationId="{29ACE33F-8EF0-4356-BAF9-57869F8F17D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6" creationId="{21FA0A2E-F04A-4688-ADCC-34902E4D66A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7" creationId="{8B2DCBF1-A1DF-4709-8FC3-B4C4EB431D1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8" creationId="{06B16161-CD86-4848-BAB1-46BE7E9161F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9" creationId="{16C1DEA0-E8EE-42E3-8951-8993F2B116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0" creationId="{F97EC494-A0E7-43BA-96C5-98516E4DF2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1" creationId="{E18F422B-BCFC-4177-9599-FF7F71C908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2" creationId="{E1141CCA-8B77-4F9F-A41E-2F47F87363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3" creationId="{5CAC8294-DC27-4D51-9C72-FD814AB293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4" creationId="{8D2D04C1-02C9-4C8C-A4F6-30F7FECEFF3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5" creationId="{67E6B0C4-6479-4B1E-B1E2-37CC6042C70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6" creationId="{C5ACD5C7-C660-418D-A4B6-ACCB3754906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7" creationId="{8EBCFD06-4AD2-428D-BAB7-25075DED921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8" creationId="{6EE169AD-CF40-4A68-AA77-75D80DABEB8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9" creationId="{C3735F52-76A9-4BC8-BAD0-66F03D96F69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0" creationId="{2EFFC1BE-9C7D-47E5-AAB0-6C0BD6E56EF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1" creationId="{35925166-F6C0-4ED1-B55D-FE5F295C19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2" creationId="{3691D4D5-4318-47B5-AB13-80EEA0AC6C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3" creationId="{C7C8F5E2-2711-48E3-AFCF-CA4E678D288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4" creationId="{8AD5F993-98F6-4D04-8F31-FE8D1AD2CFC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5" creationId="{7A4D6516-28F2-4257-B5DD-59D8B781AC5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6" creationId="{EB227BDF-4513-4A0F-AD5C-0E94DC9AE7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7" creationId="{0120C860-49D7-45C6-A010-036BF7AFDA2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8" creationId="{F6AFC5F7-0566-4D0F-B73F-3E73827680A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9" creationId="{661CBA9C-50B1-4B4C-92D7-6635F32B564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0" creationId="{89543A0B-87CC-43A0-9800-886F2270E4B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1" creationId="{8E0E829C-01D0-4D77-8B37-A6831534862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2" creationId="{ED73D4F4-C4B3-40F3-9A58-A2BDE26C29F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3" creationId="{8EFD5AA3-0703-4E77-8CA6-68FABF632F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4" creationId="{FC5137F5-1560-4ED0-AB6E-21813F922A6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5" creationId="{E5B71370-56BC-4E7C-90D1-126CE34C71D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6" creationId="{9CF63794-6B85-45C7-8DE6-7B2F316D4A3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7" creationId="{CAD9CEDA-BC39-43A1-8F71-15B42ABAB01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8" creationId="{149B4B28-7720-49D5-9D62-AA6687E6EB8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9" creationId="{691A1EFA-3852-4B4F-A23A-0CB3D26FE64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0" creationId="{A99987C9-EC14-400F-ADEF-68E76F34C21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1" creationId="{2076CF12-2220-41D6-B2CE-AAABB82969A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2" creationId="{DECF2B18-3481-400F-97B0-EB1C966106D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3" creationId="{27331694-E432-4C9D-B2F5-78C8B27EA96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4" creationId="{71D7B030-479D-48E8-B516-5C230D5AAC6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5" creationId="{6DFED7E8-F85F-4995-905D-57E5D64FBA4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6" creationId="{3454ACF3-EC43-43D3-B067-98E1282C2F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7" creationId="{5BB55C74-9760-43AF-ABA2-C38B08A79D9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8" creationId="{2987210E-42D3-4461-B3D8-6F288448BB9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9" creationId="{0D80A916-64E7-462D-8D64-E477D7BCE98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0" creationId="{D1D9F5DF-A3CA-49CA-9AA7-B0A942F8873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1" creationId="{93E71A61-5060-4FEB-BA2C-1C6B82ACF08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2" creationId="{74336BA3-4AE4-4EC1-9511-4FE3FE8DE0C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3" creationId="{C0665DA2-EDB7-40BA-B5BE-9EC120E2B7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4" creationId="{C125E807-2878-43BB-8667-0D79C64F79A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5" creationId="{D4190E1F-8080-47C0-ABF3-1C7A8898B4E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6" creationId="{22FF1755-5351-4B09-8C32-D4DB3D4E4B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7" creationId="{ABB7C21D-74A3-4DC8-A26C-1086587705F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8" creationId="{0ACEE983-BC6B-4CBD-9A29-33C8DDD6BF9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9" creationId="{8D444C6D-5FF3-4922-A4A6-E582BBCBBF3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0" creationId="{34FE8748-CA1A-4A5C-9A5B-2D0B4440441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1" creationId="{70B35AE7-4138-4C68-85CB-CBA62EC5BE5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2" creationId="{3559CD44-78FD-43A6-871F-89677A6F588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3" creationId="{7F57C5C3-D08B-4A71-A5D8-7F5D4847AEE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4" creationId="{08AA87E6-7924-4230-9E34-4D38BF3E424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5" creationId="{A22FCA08-9FA5-4A26-880A-0E54ECB543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6" creationId="{6D966B7B-16BA-4A20-961B-8A3A9753366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7" creationId="{D9A1F3D5-9981-4193-8871-4CB9E46EA7B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8" creationId="{CF85BDDB-DD7C-44E9-AD21-6D12E39D46D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9" creationId="{9887E5E9-FA34-4964-AA56-7244D6E1005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0" creationId="{C80F288A-8990-4455-A372-3578BA4081B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1" creationId="{21C7CB0C-CBEA-43E0-914D-7C0A70AC60D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2" creationId="{6FDCBD18-E7CA-4587-A7E0-79DC5C6AA0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3" creationId="{53C6A2B4-FC4D-4746-AE9B-6E4649033CF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4" creationId="{1C012D0E-3D40-4D33-9F4F-8146FC4BAE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5" creationId="{26E8AA09-EF43-4408-938D-39C0DD769BC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6" creationId="{DE7636F8-9B1C-4AA4-BFBC-3ABC46AE7D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7" creationId="{12697257-6F52-438C-A772-F1C721B7EB4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8" creationId="{4ECE695B-2237-4BAA-97A2-17E43ED3537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9" creationId="{6CCEF5BC-F52D-4D58-9FA9-B91CDFFD629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0" creationId="{0D13F594-2E34-4793-BE91-0934DB1EE73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1" creationId="{EF1F3AD0-D2A3-403C-B9EA-67BF3FB10AC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2" creationId="{F15C755D-8CDC-48D8-A574-ABA3FA35B22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3" creationId="{55014510-340E-410B-8D78-115DACED2A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4" creationId="{A67F6EAD-4597-459B-87D0-0D811CF5859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5" creationId="{283BC30A-C875-4BAB-A948-E66FD22924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6" creationId="{DD9E595B-214E-406E-86ED-B3AC133BFBE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7" creationId="{4CB92D31-5039-4DBD-87A1-F6CB5F3EB9D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8" creationId="{C71B37FB-6F73-4247-8A54-82B1B27E8E3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9" creationId="{90F0B3EE-498D-49E2-9207-1318F4A778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0" creationId="{6AE7560F-C587-4C8C-AF5B-1B86A2CD3B8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1" creationId="{A750CE2A-CFF9-414C-A081-117B9CDFE31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2" creationId="{122741F9-2E29-4E98-95FC-E8D5AB58D9B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3" creationId="{BD376B8F-A448-4011-8E00-69475928036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4" creationId="{D1EDC7AB-7FE9-4B1E-A390-575F92A49F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5" creationId="{626247F0-982F-48BD-8ED2-DCDC3DDB14B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6" creationId="{D22A839E-A93D-42E8-ADF4-1A92D7DBCEA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7" creationId="{3E9E26D7-9230-48FA-9EAC-EE7A998BFA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8" creationId="{9D46D14A-A049-4E9B-860D-7C9992DA141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9" creationId="{A0250933-D229-4772-A586-09D27A2BF64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0" creationId="{5BF893EC-2B9E-4623-8AFE-8AF5288AAB5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1" creationId="{A785046D-2534-4970-B9D8-7BF97DE9142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2" creationId="{E66F4267-58E9-469A-9F61-FCBD96F3696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3" creationId="{A71CFBE6-B9AD-4B1F-8F1A-BB5B2C45C00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4" creationId="{379FA8EC-2A00-47DA-A9E8-AE5E9B58E92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5" creationId="{1016560D-157F-42A9-9609-4D023C510C4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6" creationId="{7ACBF40F-738B-4C5D-9E30-79277D3D1AE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7" creationId="{DDD0AF3B-C481-45C5-AE12-5BD7AD497BB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8" creationId="{2B1F0382-70A4-47CF-A923-656BE8FC826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9" creationId="{9578897B-557D-44AC-AD9C-74D879E83F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0" creationId="{52DB17B0-D616-4AF3-8F2C-34C69CAC2F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1" creationId="{42D7B734-1505-418F-A494-BC0027DDC75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2" creationId="{1E9324C3-C75E-474B-8EB2-2F976675C17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3" creationId="{1742E218-71CE-4E74-9769-E89CE13F9D7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4" creationId="{1D997164-B413-48EE-9302-45E0FB421B6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5" creationId="{24E428BE-913D-4AED-B735-81DD71BEF90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6" creationId="{D5902908-C59F-4EE1-B8EA-4DEEEF9E790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7" creationId="{C14A1061-AD6C-403F-B1CE-1A8AD159BFC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8" creationId="{F6429070-7437-47C9-AB1B-22B09690D46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9" creationId="{35A5FDFC-E782-452A-82FC-1AF4C8DAA1E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0" creationId="{E04607CA-3A62-41BE-8795-8467C580868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1" creationId="{F73472FA-42E1-4BE9-B0FA-39ECA8C9785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2" creationId="{9244727D-B01A-420C-8CBB-91335FB7913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3" creationId="{33A9141D-C0FB-4F29-B7D8-49F725353C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4" creationId="{792BF63E-58B4-4D0C-9F95-BDADF3501DF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5" creationId="{63B07E7C-2999-4CB3-BE92-139E1FFC867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6" creationId="{77C44CD8-847C-4E81-BBE3-B9F72C507BA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7" creationId="{690A1840-BB05-408E-834A-D276249CA5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8" creationId="{C6F557CF-0A2D-4B59-94BB-29B70F30AA3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9" creationId="{58A4E153-E145-42C9-A0A3-AB4F9FDF4EA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0" creationId="{D4D21A0C-9399-4439-9580-4502FC9CA90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1" creationId="{C7775DBC-86F2-4656-BB41-219906B81B6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2" creationId="{795CFCEF-240E-439E-8CDF-AFB0E75560A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3" creationId="{FD25B762-B9E3-49ED-916E-6971BA075C4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4" creationId="{A4F56C64-6B44-4F0D-B982-3454E55CFE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5" creationId="{2FEE306A-B0CB-4327-BAC9-EB99BCADA9D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6" creationId="{1D7F8D1E-028D-48BB-A191-152B41CB0F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7" creationId="{2EEA9B5D-2335-472B-A99B-E7CF5FD5011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8" creationId="{DC016D78-B198-4B66-A1E9-95B753E56E2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9" creationId="{F50E9483-992D-449E-975F-45E991A7FC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0" creationId="{F2FAB22B-802B-4A56-A192-F7B90027F9E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1" creationId="{EA8EC111-13EC-469C-BA4F-AD956D61799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2" creationId="{C65E4942-51D8-4247-9CC0-769193A9DAA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3" creationId="{492BB931-9DD3-4FF3-B120-D0C4AA1AEF3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4" creationId="{CBAED3F2-4ADA-4504-86B2-3E2F5593712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5" creationId="{3A5830EB-1CC6-4444-850E-1BA952E954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6" creationId="{C7CF4587-D050-4B6C-82CC-7075723B360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7" creationId="{33EA8FF1-D00D-485F-8B32-E35D4562706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8" creationId="{7FE848CD-BCAB-4E2D-AE7B-963AE85CEC4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9" creationId="{F20A96CC-007A-4CCD-B85E-17F5978026B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0" creationId="{B10D56F7-3FC1-4B5C-8ECC-7450BA80D6F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1" creationId="{9B1FD855-5361-4075-85BF-64147392C85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2" creationId="{2FA5BE9F-BDC4-44F8-9746-12D825ABBB5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3" creationId="{89BB0D96-1DAE-42D4-BB90-CEEC83D7758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4" creationId="{D2EDA7F7-328F-4CD5-AA53-0E5F8CB509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5" creationId="{4F0524F2-A1C2-4908-997C-085EEE6A2B8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6" creationId="{0B4DD60B-5923-47DE-9F16-8755FCAA3E4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7" creationId="{FD94B25E-4BF0-49A5-BCF4-60428868632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8" creationId="{C4063129-DFB8-4600-9DC9-58C2B6EB03F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9" creationId="{C6FE1193-B671-488A-9EF8-62E7E8BAAFF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0" creationId="{46DC6B75-B224-4CD1-8108-6B88047F53D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1" creationId="{BAC44927-BE69-427F-901F-5F750149F61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2" creationId="{E7B31606-7727-488E-9CDE-AA9A1809A7B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3" creationId="{D1AF81AC-DB2E-418F-92DA-C056471936B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4" creationId="{8A1262C2-A699-4301-9641-F7D0C8F5906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5" creationId="{A495F35D-343D-4186-B467-718E59ECEADA}"/>
          </ac:spMkLst>
        </pc:spChg>
        <pc:spChg chg="mod">
          <ac:chgData name="Rosmorduc Vinca" userId="ad80fc01-cf55-4376-a825-a887c8046f05" providerId="ADAL" clId="{A74FD233-2F83-493A-90A7-F88D168842CD}" dt="2019-07-29T13:21:21.073" v="7" actId="20577"/>
          <ac:spMkLst>
            <pc:docMk/>
            <pc:sldMk cId="0" sldId="346"/>
            <ac:spMk id="1016" creationId="{F0B882CB-85E0-47CF-9FCB-ED0329083C3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7" creationId="{B32CFBDC-59B8-4202-8C20-884AC0121BB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8" creationId="{15F6562D-8687-4F74-BF03-7A361A8BC0F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9" creationId="{A16AFCDF-FD7B-43EE-9609-F1DBCC5709E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0" creationId="{8FFA2BCD-7C7B-4D8D-A0B0-58DB4D83775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1" creationId="{C6E2EA5D-84B3-49F5-847E-E090A0BEC66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2" creationId="{9FCBED88-B513-4A5C-8F39-63A40F2CD4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3" creationId="{5E8A031B-118F-40E2-B51B-E99EC12F935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4" creationId="{BCE77360-7D6F-4880-BAAD-2BAE303776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5" creationId="{6F8EF3ED-3E33-4608-BC3E-2C817442F130}"/>
          </ac:spMkLst>
        </pc:spChg>
      </pc:sldChg>
      <pc:sldChg chg="modSp add">
        <pc:chgData name="Rosmorduc Vinca" userId="ad80fc01-cf55-4376-a825-a887c8046f05" providerId="ADAL" clId="{A74FD233-2F83-493A-90A7-F88D168842CD}" dt="2019-07-29T13:27:46.525" v="154" actId="20577"/>
        <pc:sldMkLst>
          <pc:docMk/>
          <pc:sldMk cId="3776507324" sldId="350"/>
        </pc:sldMkLst>
        <pc:spChg chg="mod">
          <ac:chgData name="Rosmorduc Vinca" userId="ad80fc01-cf55-4376-a825-a887c8046f05" providerId="ADAL" clId="{A74FD233-2F83-493A-90A7-F88D168842CD}" dt="2019-07-29T13:27:46.525" v="154" actId="20577"/>
          <ac:spMkLst>
            <pc:docMk/>
            <pc:sldMk cId="3776507324" sldId="350"/>
            <ac:spMk id="2" creationId="{26B94267-A045-4544-96DD-CE15453B9525}"/>
          </ac:spMkLst>
        </pc:spChg>
      </pc:sldChg>
      <pc:sldMasterChg chg="delSp modSp modSldLayout">
        <pc:chgData name="Rosmorduc Vinca" userId="ad80fc01-cf55-4376-a825-a887c8046f05" providerId="ADAL" clId="{A74FD233-2F83-493A-90A7-F88D168842CD}" dt="2019-07-29T13:19:51.427" v="5" actId="478"/>
        <pc:sldMasterMkLst>
          <pc:docMk/>
          <pc:sldMasterMk cId="0" sldId="2147483670"/>
        </pc:sldMasterMkLst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7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2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27" creationId="{00000000-0000-0000-0000-000000000000}"/>
          </ac:spMkLst>
        </pc:spChg>
        <pc:picChg chg="del mod">
          <ac:chgData name="Rosmorduc Vinca" userId="ad80fc01-cf55-4376-a825-a887c8046f05" providerId="ADAL" clId="{A74FD233-2F83-493A-90A7-F88D168842CD}" dt="2019-07-29T13:19:46.365" v="2" actId="478"/>
          <ac:picMkLst>
            <pc:docMk/>
            <pc:sldMasterMk cId="0" sldId="2147483670"/>
            <ac:picMk id="1028" creationId="{00000000-0000-0000-0000-000000000000}"/>
          </ac:picMkLst>
        </pc:pic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3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4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5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50.177" v="4" actId="478"/>
          <ac:cxnSpMkLst>
            <pc:docMk/>
            <pc:sldMasterMk cId="0" sldId="2147483670"/>
            <ac:cxnSpMk id="16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9.084" v="3" actId="478"/>
          <ac:cxnSpMkLst>
            <pc:docMk/>
            <pc:sldMasterMk cId="0" sldId="2147483670"/>
            <ac:cxnSpMk id="17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51.427" v="5" actId="478"/>
          <ac:cxnSpMkLst>
            <pc:docMk/>
            <pc:sldMasterMk cId="0" sldId="2147483670"/>
            <ac:cxnSpMk id="18" creationId="{00000000-0000-0000-0000-000000000000}"/>
          </ac:cxnSpMkLst>
        </pc:cxn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7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7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7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8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8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8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9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4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5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6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1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1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3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5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5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5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6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7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7"/>
              <ac:spMk id="5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8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4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6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9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4" creationId="{00000000-0000-0000-0000-000000000000}"/>
            </ac:spMkLst>
          </pc:spChg>
        </pc:sldLayoutChg>
      </pc:sldMasterChg>
    </pc:docChg>
  </pc:docChgLst>
  <pc:docChgLst>
    <pc:chgData name="Rosmorduc Vinca" userId="ad80fc01-cf55-4376-a825-a887c8046f05" providerId="ADAL" clId="{1DC35BE8-5117-46B0-A061-212277340D70}"/>
    <pc:docChg chg="modSld">
      <pc:chgData name="Rosmorduc Vinca" userId="ad80fc01-cf55-4376-a825-a887c8046f05" providerId="ADAL" clId="{1DC35BE8-5117-46B0-A061-212277340D70}" dt="2020-11-26T11:24:27.504" v="4" actId="164"/>
      <pc:docMkLst>
        <pc:docMk/>
      </pc:docMkLst>
      <pc:sldChg chg="addSp modSp mod">
        <pc:chgData name="Rosmorduc Vinca" userId="ad80fc01-cf55-4376-a825-a887c8046f05" providerId="ADAL" clId="{1DC35BE8-5117-46B0-A061-212277340D70}" dt="2020-11-26T11:24:27.504" v="4" actId="164"/>
        <pc:sldMkLst>
          <pc:docMk/>
          <pc:sldMk cId="0" sldId="328"/>
        </pc:sldMkLst>
        <pc:spChg chg="add mod">
          <ac:chgData name="Rosmorduc Vinca" userId="ad80fc01-cf55-4376-a825-a887c8046f05" providerId="ADAL" clId="{1DC35BE8-5117-46B0-A061-212277340D70}" dt="2020-11-26T11:23:53.475" v="1" actId="164"/>
          <ac:spMkLst>
            <pc:docMk/>
            <pc:sldMk cId="0" sldId="328"/>
            <ac:spMk id="6" creationId="{D22500A5-E9AE-47B6-9DBF-E40CE91B9799}"/>
          </ac:spMkLst>
        </pc:spChg>
        <pc:spChg chg="add mod">
          <ac:chgData name="Rosmorduc Vinca" userId="ad80fc01-cf55-4376-a825-a887c8046f05" providerId="ADAL" clId="{1DC35BE8-5117-46B0-A061-212277340D70}" dt="2020-11-26T11:24:27.504" v="4" actId="164"/>
          <ac:spMkLst>
            <pc:docMk/>
            <pc:sldMk cId="0" sldId="328"/>
            <ac:spMk id="8" creationId="{0A27BDD6-B9C5-4F3A-96A6-FF1938A690E0}"/>
          </ac:spMkLst>
        </pc:spChg>
        <pc:grpChg chg="add mod">
          <ac:chgData name="Rosmorduc Vinca" userId="ad80fc01-cf55-4376-a825-a887c8046f05" providerId="ADAL" clId="{1DC35BE8-5117-46B0-A061-212277340D70}" dt="2020-11-26T11:23:53.475" v="1" actId="164"/>
          <ac:grpSpMkLst>
            <pc:docMk/>
            <pc:sldMk cId="0" sldId="328"/>
            <ac:grpSpMk id="2" creationId="{075EC462-D695-45DD-9AF6-B9BD896F4658}"/>
          </ac:grpSpMkLst>
        </pc:grpChg>
        <pc:grpChg chg="add mod">
          <ac:chgData name="Rosmorduc Vinca" userId="ad80fc01-cf55-4376-a825-a887c8046f05" providerId="ADAL" clId="{1DC35BE8-5117-46B0-A061-212277340D70}" dt="2020-11-26T11:24:27.504" v="4" actId="164"/>
          <ac:grpSpMkLst>
            <pc:docMk/>
            <pc:sldMk cId="0" sldId="328"/>
            <ac:grpSpMk id="4" creationId="{33ECC0C6-AD58-4E48-9A74-17E676F0F07F}"/>
          </ac:grpSpMkLst>
        </pc:grpChg>
        <pc:picChg chg="mod">
          <ac:chgData name="Rosmorduc Vinca" userId="ad80fc01-cf55-4376-a825-a887c8046f05" providerId="ADAL" clId="{1DC35BE8-5117-46B0-A061-212277340D70}" dt="2020-11-26T11:24:27.504" v="4" actId="164"/>
          <ac:picMkLst>
            <pc:docMk/>
            <pc:sldMk cId="0" sldId="328"/>
            <ac:picMk id="3" creationId="{C63F3C98-7CC8-426D-8B7C-269702160004}"/>
          </ac:picMkLst>
        </pc:picChg>
        <pc:picChg chg="mod">
          <ac:chgData name="Rosmorduc Vinca" userId="ad80fc01-cf55-4376-a825-a887c8046f05" providerId="ADAL" clId="{1DC35BE8-5117-46B0-A061-212277340D70}" dt="2020-11-26T11:23:53.475" v="1" actId="164"/>
          <ac:picMkLst>
            <pc:docMk/>
            <pc:sldMk cId="0" sldId="328"/>
            <ac:picMk id="7" creationId="{86083DB6-5CAA-46E1-9C97-BA772E063EEA}"/>
          </ac:picMkLst>
        </pc:picChg>
      </pc:sldChg>
    </pc:docChg>
  </pc:docChgLst>
  <pc:docChgLst>
    <pc:chgData name="Rosmorduc Vinca" userId="ad80fc01-cf55-4376-a825-a887c8046f05" providerId="ADAL" clId="{C3BE9839-C519-4089-BB69-A9FC3E7C28F7}"/>
    <pc:docChg chg="modSld">
      <pc:chgData name="Rosmorduc Vinca" userId="ad80fc01-cf55-4376-a825-a887c8046f05" providerId="ADAL" clId="{C3BE9839-C519-4089-BB69-A9FC3E7C28F7}" dt="2024-01-26T14:13:20.270" v="11" actId="20577"/>
      <pc:docMkLst>
        <pc:docMk/>
      </pc:docMkLst>
      <pc:sldChg chg="modSp mod">
        <pc:chgData name="Rosmorduc Vinca" userId="ad80fc01-cf55-4376-a825-a887c8046f05" providerId="ADAL" clId="{C3BE9839-C519-4089-BB69-A9FC3E7C28F7}" dt="2024-01-26T14:13:20.270" v="11" actId="20577"/>
        <pc:sldMkLst>
          <pc:docMk/>
          <pc:sldMk cId="0" sldId="332"/>
        </pc:sldMkLst>
        <pc:spChg chg="mod">
          <ac:chgData name="Rosmorduc Vinca" userId="ad80fc01-cf55-4376-a825-a887c8046f05" providerId="ADAL" clId="{C3BE9839-C519-4089-BB69-A9FC3E7C28F7}" dt="2024-01-26T14:13:20.270" v="11" actId="20577"/>
          <ac:spMkLst>
            <pc:docMk/>
            <pc:sldMk cId="0" sldId="332"/>
            <ac:spMk id="26627" creationId="{00000000-0000-0000-0000-000000000000}"/>
          </ac:spMkLst>
        </pc:spChg>
      </pc:sldChg>
    </pc:docChg>
  </pc:docChgLst>
  <pc:docChgLst>
    <pc:chgData name="Rosmorduc Vinca" userId="ad80fc01-cf55-4376-a825-a887c8046f05" providerId="ADAL" clId="{7BA44013-5BC0-40F7-AD44-820883DB0B54}"/>
    <pc:docChg chg="modMainMaster">
      <pc:chgData name="Rosmorduc Vinca" userId="ad80fc01-cf55-4376-a825-a887c8046f05" providerId="ADAL" clId="{7BA44013-5BC0-40F7-AD44-820883DB0B54}" dt="2020-11-16T10:40:50.445" v="6" actId="179"/>
      <pc:docMkLst>
        <pc:docMk/>
      </pc:docMkLst>
      <pc:sldMasterChg chg="addSp modSp mod modSldLayout">
        <pc:chgData name="Rosmorduc Vinca" userId="ad80fc01-cf55-4376-a825-a887c8046f05" providerId="ADAL" clId="{7BA44013-5BC0-40F7-AD44-820883DB0B54}" dt="2020-11-16T10:40:50.445" v="6" actId="179"/>
        <pc:sldMasterMkLst>
          <pc:docMk/>
          <pc:sldMasterMk cId="0" sldId="2147483670"/>
        </pc:sldMasterMkLst>
        <pc:spChg chg="mod">
          <ac:chgData name="Rosmorduc Vinca" userId="ad80fc01-cf55-4376-a825-a887c8046f05" providerId="ADAL" clId="{7BA44013-5BC0-40F7-AD44-820883DB0B54}" dt="2020-11-16T10:40:26.088" v="3" actId="2711"/>
          <ac:spMkLst>
            <pc:docMk/>
            <pc:sldMasterMk cId="0" sldId="2147483670"/>
            <ac:spMk id="4" creationId="{00000000-0000-0000-0000-000000000000}"/>
          </ac:spMkLst>
        </pc:spChg>
        <pc:spChg chg="mod">
          <ac:chgData name="Rosmorduc Vinca" userId="ad80fc01-cf55-4376-a825-a887c8046f05" providerId="ADAL" clId="{7BA44013-5BC0-40F7-AD44-820883DB0B54}" dt="2020-11-16T10:40:26.088" v="3" actId="2711"/>
          <ac:spMkLst>
            <pc:docMk/>
            <pc:sldMasterMk cId="0" sldId="2147483670"/>
            <ac:spMk id="7" creationId="{00000000-0000-0000-0000-000000000000}"/>
          </ac:spMkLst>
        </pc:spChg>
        <pc:spChg chg="mod">
          <ac:chgData name="Rosmorduc Vinca" userId="ad80fc01-cf55-4376-a825-a887c8046f05" providerId="ADAL" clId="{7BA44013-5BC0-40F7-AD44-820883DB0B54}" dt="2020-11-16T10:40:26.088" v="3" actId="2711"/>
          <ac:spMkLst>
            <pc:docMk/>
            <pc:sldMasterMk cId="0" sldId="2147483670"/>
            <ac:spMk id="10" creationId="{00000000-0000-0000-0000-000000000000}"/>
          </ac:spMkLst>
        </pc:spChg>
        <pc:spChg chg="mod">
          <ac:chgData name="Rosmorduc Vinca" userId="ad80fc01-cf55-4376-a825-a887c8046f05" providerId="ADAL" clId="{7BA44013-5BC0-40F7-AD44-820883DB0B54}" dt="2020-11-16T10:40:26.088" v="3" actId="2711"/>
          <ac:spMkLst>
            <pc:docMk/>
            <pc:sldMasterMk cId="0" sldId="2147483670"/>
            <ac:spMk id="1026" creationId="{00000000-0000-0000-0000-000000000000}"/>
          </ac:spMkLst>
        </pc:spChg>
        <pc:spChg chg="mod">
          <ac:chgData name="Rosmorduc Vinca" userId="ad80fc01-cf55-4376-a825-a887c8046f05" providerId="ADAL" clId="{7BA44013-5BC0-40F7-AD44-820883DB0B54}" dt="2020-11-16T10:40:26.088" v="3" actId="2711"/>
          <ac:spMkLst>
            <pc:docMk/>
            <pc:sldMasterMk cId="0" sldId="2147483670"/>
            <ac:spMk id="1027" creationId="{00000000-0000-0000-0000-000000000000}"/>
          </ac:spMkLst>
        </pc:spChg>
        <pc:grpChg chg="add mod">
          <ac:chgData name="Rosmorduc Vinca" userId="ad80fc01-cf55-4376-a825-a887c8046f05" providerId="ADAL" clId="{7BA44013-5BC0-40F7-AD44-820883DB0B54}" dt="2020-11-16T10:40:26.088" v="3" actId="2711"/>
          <ac:grpSpMkLst>
            <pc:docMk/>
            <pc:sldMasterMk cId="0" sldId="2147483670"/>
            <ac:grpSpMk id="8" creationId="{52FFA5C1-7C2E-4671-9205-528BC4E5C31B}"/>
          </ac:grpSpMkLst>
        </pc:grpChg>
        <pc:sldLayoutChg chg="modSp">
          <pc:chgData name="Rosmorduc Vinca" userId="ad80fc01-cf55-4376-a825-a887c8046f05" providerId="ADAL" clId="{7BA44013-5BC0-40F7-AD44-820883DB0B54}" dt="2020-11-16T10:40:50.445" v="6" actId="179"/>
          <pc:sldLayoutMkLst>
            <pc:docMk/>
            <pc:sldMasterMk cId="0" sldId="2147483670"/>
            <pc:sldLayoutMk cId="0" sldId="2147483817"/>
          </pc:sldLayoutMkLst>
          <pc:spChg chg="mod">
            <ac:chgData name="Rosmorduc Vinca" userId="ad80fc01-cf55-4376-a825-a887c8046f05" providerId="ADAL" clId="{7BA44013-5BC0-40F7-AD44-820883DB0B54}" dt="2020-11-16T10:40:50.445" v="6" actId="179"/>
            <ac:spMkLst>
              <pc:docMk/>
              <pc:sldMasterMk cId="0" sldId="2147483670"/>
              <pc:sldLayoutMk cId="0" sldId="2147483817"/>
              <ac:spMk id="2" creationId="{00000000-0000-0000-0000-000000000000}"/>
            </ac:spMkLst>
          </pc:spChg>
        </pc:sldLayoutChg>
      </pc:sldMasterChg>
    </pc:docChg>
  </pc:docChgLst>
  <pc:docChgLst>
    <pc:chgData name="Rosmorduc Vinca" userId="ad80fc01-cf55-4376-a825-a887c8046f05" providerId="ADAL" clId="{EF90439F-7D99-414D-B236-30A442172B82}"/>
    <pc:docChg chg="custSel addSld delSld modSld">
      <pc:chgData name="Rosmorduc Vinca" userId="ad80fc01-cf55-4376-a825-a887c8046f05" providerId="ADAL" clId="{EF90439F-7D99-414D-B236-30A442172B82}" dt="2020-10-06T13:26:02.872" v="88" actId="20577"/>
      <pc:docMkLst>
        <pc:docMk/>
      </pc:docMkLst>
      <pc:sldChg chg="modSp mod">
        <pc:chgData name="Rosmorduc Vinca" userId="ad80fc01-cf55-4376-a825-a887c8046f05" providerId="ADAL" clId="{EF90439F-7D99-414D-B236-30A442172B82}" dt="2020-10-06T12:42:03.829" v="32" actId="790"/>
        <pc:sldMkLst>
          <pc:docMk/>
          <pc:sldMk cId="0" sldId="310"/>
        </pc:sldMkLst>
        <pc:spChg chg="mod">
          <ac:chgData name="Rosmorduc Vinca" userId="ad80fc01-cf55-4376-a825-a887c8046f05" providerId="ADAL" clId="{EF90439F-7D99-414D-B236-30A442172B82}" dt="2020-10-06T12:42:03.829" v="32" actId="790"/>
          <ac:spMkLst>
            <pc:docMk/>
            <pc:sldMk cId="0" sldId="310"/>
            <ac:spMk id="2" creationId="{A00630CC-338C-4758-A6C6-2147C7B3CB89}"/>
          </ac:spMkLst>
        </pc:spChg>
      </pc:sldChg>
      <pc:sldChg chg="delSp modSp del mod">
        <pc:chgData name="Rosmorduc Vinca" userId="ad80fc01-cf55-4376-a825-a887c8046f05" providerId="ADAL" clId="{EF90439F-7D99-414D-B236-30A442172B82}" dt="2020-10-06T13:21:23.898" v="80" actId="47"/>
        <pc:sldMkLst>
          <pc:docMk/>
          <pc:sldMk cId="0" sldId="346"/>
        </pc:sldMkLst>
        <pc:spChg chg="mod">
          <ac:chgData name="Rosmorduc Vinca" userId="ad80fc01-cf55-4376-a825-a887c8046f05" providerId="ADAL" clId="{EF90439F-7D99-414D-B236-30A442172B82}" dt="2020-10-06T12:41:10.963" v="30" actId="790"/>
          <ac:spMkLst>
            <pc:docMk/>
            <pc:sldMk cId="0" sldId="346"/>
            <ac:spMk id="198" creationId="{00000000-0000-0000-0000-000000000000}"/>
          </ac:spMkLst>
        </pc:spChg>
        <pc:spChg chg="mod">
          <ac:chgData name="Rosmorduc Vinca" userId="ad80fc01-cf55-4376-a825-a887c8046f05" providerId="ADAL" clId="{EF90439F-7D99-414D-B236-30A442172B82}" dt="2020-10-06T12:40:56.528" v="29" actId="1410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EF90439F-7D99-414D-B236-30A442172B82}" dt="2020-10-06T12:40:51.073" v="28" actId="1076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EF90439F-7D99-414D-B236-30A442172B82}" dt="2020-10-06T12:40:51.073" v="28" actId="1076"/>
          <ac:spMkLst>
            <pc:docMk/>
            <pc:sldMk cId="0" sldId="346"/>
            <ac:spMk id="797" creationId="{E0A95897-4684-4571-8940-2422783C31C2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10" creationId="{464189B8-45F2-4AE0-9809-746621CE4E3C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16" creationId="{FBE93D81-0798-4ECB-9EFF-D1DF60FD2A1F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17" creationId="{BD797BC6-A4E9-4BC3-B113-5F22A79CBE88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18" creationId="{D5297544-A3A0-4EE9-AFF4-63A5EA0D75B1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24" creationId="{3C643A39-24C0-450A-A755-7F5A3FB1C578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25" creationId="{9155DC77-5991-4896-91D8-3D76A02C8A28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26" creationId="{1357D87B-8B99-447B-9016-850682F3100F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32" creationId="{69B26F55-5E2F-479D-A0E9-45FA98DC3545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33" creationId="{6CE271D8-7258-4EE6-A5F7-16E18DA1E764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34" creationId="{5AE50153-5BBA-4B01-A87B-8BA87024CFB8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40" creationId="{EFD2ADEE-A311-42AA-B39E-5C2B2D2940F3}"/>
          </ac:spMkLst>
        </pc:spChg>
        <pc:spChg chg="del">
          <ac:chgData name="Rosmorduc Vinca" userId="ad80fc01-cf55-4376-a825-a887c8046f05" providerId="ADAL" clId="{EF90439F-7D99-414D-B236-30A442172B82}" dt="2020-10-06T12:39:53.002" v="0" actId="478"/>
          <ac:spMkLst>
            <pc:docMk/>
            <pc:sldMk cId="0" sldId="346"/>
            <ac:spMk id="841" creationId="{8A16BDFA-1889-426A-8D7E-2BF2F64A53BE}"/>
          </ac:spMkLst>
        </pc:spChg>
      </pc:sldChg>
      <pc:sldChg chg="modSp add mod">
        <pc:chgData name="Rosmorduc Vinca" userId="ad80fc01-cf55-4376-a825-a887c8046f05" providerId="ADAL" clId="{EF90439F-7D99-414D-B236-30A442172B82}" dt="2020-10-06T13:21:29.666" v="85" actId="20577"/>
        <pc:sldMkLst>
          <pc:docMk/>
          <pc:sldMk cId="246926335" sldId="349"/>
        </pc:sldMkLst>
        <pc:spChg chg="mod">
          <ac:chgData name="Rosmorduc Vinca" userId="ad80fc01-cf55-4376-a825-a887c8046f05" providerId="ADAL" clId="{EF90439F-7D99-414D-B236-30A442172B82}" dt="2020-10-06T13:21:21.238" v="79"/>
          <ac:spMkLst>
            <pc:docMk/>
            <pc:sldMk cId="246926335" sldId="349"/>
            <ac:spMk id="156" creationId="{14C1F3CB-CA04-4327-AE7B-7665E850D35A}"/>
          </ac:spMkLst>
        </pc:spChg>
        <pc:spChg chg="mod">
          <ac:chgData name="Rosmorduc Vinca" userId="ad80fc01-cf55-4376-a825-a887c8046f05" providerId="ADAL" clId="{EF90439F-7D99-414D-B236-30A442172B82}" dt="2020-10-06T13:21:29.666" v="85" actId="20577"/>
          <ac:spMkLst>
            <pc:docMk/>
            <pc:sldMk cId="246926335" sldId="349"/>
            <ac:spMk id="541" creationId="{B851E857-379D-444F-B1BD-FB32A3FD20F2}"/>
          </ac:spMkLst>
        </pc:spChg>
      </pc:sldChg>
      <pc:sldChg chg="delSp modSp mod">
        <pc:chgData name="Rosmorduc Vinca" userId="ad80fc01-cf55-4376-a825-a887c8046f05" providerId="ADAL" clId="{EF90439F-7D99-414D-B236-30A442172B82}" dt="2020-10-06T13:26:02.872" v="88" actId="20577"/>
        <pc:sldMkLst>
          <pc:docMk/>
          <pc:sldMk cId="2149226584" sldId="351"/>
        </pc:sldMkLst>
        <pc:spChg chg="mod">
          <ac:chgData name="Rosmorduc Vinca" userId="ad80fc01-cf55-4376-a825-a887c8046f05" providerId="ADAL" clId="{EF90439F-7D99-414D-B236-30A442172B82}" dt="2020-10-06T13:26:02.872" v="88" actId="20577"/>
          <ac:spMkLst>
            <pc:docMk/>
            <pc:sldMk cId="2149226584" sldId="351"/>
            <ac:spMk id="3" creationId="{2D488E76-EACF-43C3-B332-176D500681D9}"/>
          </ac:spMkLst>
        </pc:spChg>
        <pc:spChg chg="del mod">
          <ac:chgData name="Rosmorduc Vinca" userId="ad80fc01-cf55-4376-a825-a887c8046f05" providerId="ADAL" clId="{EF90439F-7D99-414D-B236-30A442172B82}" dt="2020-10-06T12:43:28.689" v="43" actId="478"/>
          <ac:spMkLst>
            <pc:docMk/>
            <pc:sldMk cId="2149226584" sldId="351"/>
            <ac:spMk id="4" creationId="{44BECD43-FC90-46EA-BA75-E853C3E49D4A}"/>
          </ac:spMkLst>
        </pc:spChg>
        <pc:spChg chg="del">
          <ac:chgData name="Rosmorduc Vinca" userId="ad80fc01-cf55-4376-a825-a887c8046f05" providerId="ADAL" clId="{EF90439F-7D99-414D-B236-30A442172B82}" dt="2020-10-06T12:50:06.728" v="77" actId="478"/>
          <ac:spMkLst>
            <pc:docMk/>
            <pc:sldMk cId="2149226584" sldId="351"/>
            <ac:spMk id="5" creationId="{17D0F7C2-4BF4-48CC-B931-3D396DD864DD}"/>
          </ac:spMkLst>
        </pc:spChg>
      </pc:sldChg>
      <pc:sldChg chg="modSp mod">
        <pc:chgData name="Rosmorduc Vinca" userId="ad80fc01-cf55-4376-a825-a887c8046f05" providerId="ADAL" clId="{EF90439F-7D99-414D-B236-30A442172B82}" dt="2020-10-06T12:41:27.955" v="31" actId="790"/>
        <pc:sldMkLst>
          <pc:docMk/>
          <pc:sldMk cId="4185536091" sldId="353"/>
        </pc:sldMkLst>
        <pc:spChg chg="mod">
          <ac:chgData name="Rosmorduc Vinca" userId="ad80fc01-cf55-4376-a825-a887c8046f05" providerId="ADAL" clId="{EF90439F-7D99-414D-B236-30A442172B82}" dt="2020-10-06T12:41:27.955" v="31" actId="790"/>
          <ac:spMkLst>
            <pc:docMk/>
            <pc:sldMk cId="4185536091" sldId="353"/>
            <ac:spMk id="5" creationId="{B1E7A7EA-4EB0-4C66-A0A6-7D2E17991FA7}"/>
          </ac:spMkLst>
        </pc:spChg>
      </pc:sldChg>
    </pc:docChg>
  </pc:docChgLst>
  <pc:docChgLst>
    <pc:chgData name="Rosmorduc Vinca" userId="ad80fc01-cf55-4376-a825-a887c8046f05" providerId="ADAL" clId="{9E384E4F-142E-4E5D-AC2D-136659F764B0}"/>
    <pc:docChg chg="modSld">
      <pc:chgData name="Rosmorduc Vinca" userId="ad80fc01-cf55-4376-a825-a887c8046f05" providerId="ADAL" clId="{9E384E4F-142E-4E5D-AC2D-136659F764B0}" dt="2020-11-17T13:35:01.671" v="1" actId="1076"/>
      <pc:docMkLst>
        <pc:docMk/>
      </pc:docMkLst>
      <pc:sldChg chg="modSp mod">
        <pc:chgData name="Rosmorduc Vinca" userId="ad80fc01-cf55-4376-a825-a887c8046f05" providerId="ADAL" clId="{9E384E4F-142E-4E5D-AC2D-136659F764B0}" dt="2020-11-17T13:35:01.671" v="1" actId="1076"/>
        <pc:sldMkLst>
          <pc:docMk/>
          <pc:sldMk cId="0" sldId="343"/>
        </pc:sldMkLst>
        <pc:spChg chg="mod">
          <ac:chgData name="Rosmorduc Vinca" userId="ad80fc01-cf55-4376-a825-a887c8046f05" providerId="ADAL" clId="{9E384E4F-142E-4E5D-AC2D-136659F764B0}" dt="2020-11-17T13:35:01.671" v="1" actId="1076"/>
          <ac:spMkLst>
            <pc:docMk/>
            <pc:sldMk cId="0" sldId="343"/>
            <ac:spMk id="7" creationId="{F5F7044B-33A9-468B-8E96-26774ABCB3CF}"/>
          </ac:spMkLst>
        </pc:spChg>
        <pc:spChg chg="mod">
          <ac:chgData name="Rosmorduc Vinca" userId="ad80fc01-cf55-4376-a825-a887c8046f05" providerId="ADAL" clId="{9E384E4F-142E-4E5D-AC2D-136659F764B0}" dt="2020-11-17T13:34:47.979" v="0" actId="790"/>
          <ac:spMkLst>
            <pc:docMk/>
            <pc:sldMk cId="0" sldId="343"/>
            <ac:spMk id="6146" creationId="{00000000-0000-0000-0000-000000000000}"/>
          </ac:spMkLst>
        </pc:spChg>
      </pc:sldChg>
    </pc:docChg>
  </pc:docChgLst>
  <pc:docChgLst>
    <pc:chgData name="Rosmorduc Vinca" userId="ad80fc01-cf55-4376-a825-a887c8046f05" providerId="ADAL" clId="{1D5A3147-643B-4007-A2EC-37CFA1093334}"/>
    <pc:docChg chg="undo custSel addSld delSld modSld">
      <pc:chgData name="Rosmorduc Vinca" userId="ad80fc01-cf55-4376-a825-a887c8046f05" providerId="ADAL" clId="{1D5A3147-643B-4007-A2EC-37CFA1093334}" dt="2020-11-16T12:27:44.259" v="359" actId="47"/>
      <pc:docMkLst>
        <pc:docMk/>
      </pc:docMkLst>
      <pc:sldChg chg="addSp delSp modSp mod">
        <pc:chgData name="Rosmorduc Vinca" userId="ad80fc01-cf55-4376-a825-a887c8046f05" providerId="ADAL" clId="{1D5A3147-643B-4007-A2EC-37CFA1093334}" dt="2020-11-16T12:17:11.441" v="112" actId="404"/>
        <pc:sldMkLst>
          <pc:docMk/>
          <pc:sldMk cId="0" sldId="307"/>
        </pc:sldMkLst>
        <pc:spChg chg="add del mod">
          <ac:chgData name="Rosmorduc Vinca" userId="ad80fc01-cf55-4376-a825-a887c8046f05" providerId="ADAL" clId="{1D5A3147-643B-4007-A2EC-37CFA1093334}" dt="2020-11-16T12:16:27.810" v="87"/>
          <ac:spMkLst>
            <pc:docMk/>
            <pc:sldMk cId="0" sldId="307"/>
            <ac:spMk id="2" creationId="{2E052FF7-FC49-44AB-ABA9-3B9DE5BD5CEC}"/>
          </ac:spMkLst>
        </pc:spChg>
        <pc:spChg chg="add del mod">
          <ac:chgData name="Rosmorduc Vinca" userId="ad80fc01-cf55-4376-a825-a887c8046f05" providerId="ADAL" clId="{1D5A3147-643B-4007-A2EC-37CFA1093334}" dt="2020-11-16T12:16:27.810" v="87"/>
          <ac:spMkLst>
            <pc:docMk/>
            <pc:sldMk cId="0" sldId="307"/>
            <ac:spMk id="3" creationId="{21A799EC-2D49-4E43-8DD5-C9C4B437A2B9}"/>
          </ac:spMkLst>
        </pc:spChg>
        <pc:spChg chg="mod">
          <ac:chgData name="Rosmorduc Vinca" userId="ad80fc01-cf55-4376-a825-a887c8046f05" providerId="ADAL" clId="{1D5A3147-643B-4007-A2EC-37CFA1093334}" dt="2020-11-16T11:18:41.027" v="2" actId="179"/>
          <ac:spMkLst>
            <pc:docMk/>
            <pc:sldMk cId="0" sldId="307"/>
            <ac:spMk id="13314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17:11.441" v="112" actId="404"/>
          <ac:spMkLst>
            <pc:docMk/>
            <pc:sldMk cId="0" sldId="307"/>
            <ac:spMk id="13315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17:59.853" v="140" actId="1076"/>
        <pc:sldMkLst>
          <pc:docMk/>
          <pc:sldMk cId="0" sldId="308"/>
        </pc:sldMkLst>
        <pc:spChg chg="add del mod">
          <ac:chgData name="Rosmorduc Vinca" userId="ad80fc01-cf55-4376-a825-a887c8046f05" providerId="ADAL" clId="{1D5A3147-643B-4007-A2EC-37CFA1093334}" dt="2020-11-16T12:17:21.662" v="114"/>
          <ac:spMkLst>
            <pc:docMk/>
            <pc:sldMk cId="0" sldId="308"/>
            <ac:spMk id="2" creationId="{143EAA79-25FF-4430-8FDC-F69A8F03117D}"/>
          </ac:spMkLst>
        </pc:spChg>
        <pc:spChg chg="add del mod">
          <ac:chgData name="Rosmorduc Vinca" userId="ad80fc01-cf55-4376-a825-a887c8046f05" providerId="ADAL" clId="{1D5A3147-643B-4007-A2EC-37CFA1093334}" dt="2020-11-16T12:17:21.662" v="114"/>
          <ac:spMkLst>
            <pc:docMk/>
            <pc:sldMk cId="0" sldId="308"/>
            <ac:spMk id="3" creationId="{16ABAECB-453B-4758-A083-801643F03050}"/>
          </ac:spMkLst>
        </pc:spChg>
        <pc:spChg chg="mod">
          <ac:chgData name="Rosmorduc Vinca" userId="ad80fc01-cf55-4376-a825-a887c8046f05" providerId="ADAL" clId="{1D5A3147-643B-4007-A2EC-37CFA1093334}" dt="2020-11-16T11:18:26.179" v="0" actId="179"/>
          <ac:spMkLst>
            <pc:docMk/>
            <pc:sldMk cId="0" sldId="308"/>
            <ac:spMk id="14338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17:56.611" v="139" actId="404"/>
          <ac:spMkLst>
            <pc:docMk/>
            <pc:sldMk cId="0" sldId="308"/>
            <ac:spMk id="14339" creationId="{00000000-0000-0000-0000-000000000000}"/>
          </ac:spMkLst>
        </pc:spChg>
        <pc:picChg chg="mod">
          <ac:chgData name="Rosmorduc Vinca" userId="ad80fc01-cf55-4376-a825-a887c8046f05" providerId="ADAL" clId="{1D5A3147-643B-4007-A2EC-37CFA1093334}" dt="2020-11-16T12:17:59.853" v="140" actId="1076"/>
          <ac:picMkLst>
            <pc:docMk/>
            <pc:sldMk cId="0" sldId="308"/>
            <ac:picMk id="1434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1D5A3147-643B-4007-A2EC-37CFA1093334}" dt="2020-11-16T12:18:41.790" v="162" actId="1076"/>
        <pc:sldMkLst>
          <pc:docMk/>
          <pc:sldMk cId="0" sldId="310"/>
        </pc:sldMkLst>
        <pc:spChg chg="mod">
          <ac:chgData name="Rosmorduc Vinca" userId="ad80fc01-cf55-4376-a825-a887c8046f05" providerId="ADAL" clId="{1D5A3147-643B-4007-A2EC-37CFA1093334}" dt="2020-11-16T12:18:41.790" v="162" actId="1076"/>
          <ac:spMkLst>
            <pc:docMk/>
            <pc:sldMk cId="0" sldId="310"/>
            <ac:spMk id="2" creationId="{A00630CC-338C-4758-A6C6-2147C7B3CB89}"/>
          </ac:spMkLst>
        </pc:spChg>
        <pc:spChg chg="add del mod">
          <ac:chgData name="Rosmorduc Vinca" userId="ad80fc01-cf55-4376-a825-a887c8046f05" providerId="ADAL" clId="{1D5A3147-643B-4007-A2EC-37CFA1093334}" dt="2020-11-16T12:18:12.220" v="142"/>
          <ac:spMkLst>
            <pc:docMk/>
            <pc:sldMk cId="0" sldId="310"/>
            <ac:spMk id="3" creationId="{554617A2-621F-49A0-94AC-FCD157484179}"/>
          </ac:spMkLst>
        </pc:spChg>
        <pc:spChg chg="add del mod">
          <ac:chgData name="Rosmorduc Vinca" userId="ad80fc01-cf55-4376-a825-a887c8046f05" providerId="ADAL" clId="{1D5A3147-643B-4007-A2EC-37CFA1093334}" dt="2020-11-16T12:18:12.220" v="142"/>
          <ac:spMkLst>
            <pc:docMk/>
            <pc:sldMk cId="0" sldId="310"/>
            <ac:spMk id="4" creationId="{A3930C45-3E62-4658-A904-BF35FE0CCFC6}"/>
          </ac:spMkLst>
        </pc:spChg>
        <pc:spChg chg="mod">
          <ac:chgData name="Rosmorduc Vinca" userId="ad80fc01-cf55-4376-a825-a887c8046f05" providerId="ADAL" clId="{1D5A3147-643B-4007-A2EC-37CFA1093334}" dt="2020-11-16T11:18:35.267" v="1" actId="179"/>
          <ac:spMkLst>
            <pc:docMk/>
            <pc:sldMk cId="0" sldId="310"/>
            <ac:spMk id="16386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18:35.865" v="160" actId="404"/>
          <ac:spMkLst>
            <pc:docMk/>
            <pc:sldMk cId="0" sldId="310"/>
            <ac:spMk id="1638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19:16.353" v="185" actId="404"/>
        <pc:sldMkLst>
          <pc:docMk/>
          <pc:sldMk cId="0" sldId="312"/>
        </pc:sldMkLst>
        <pc:spChg chg="add del mod">
          <ac:chgData name="Rosmorduc Vinca" userId="ad80fc01-cf55-4376-a825-a887c8046f05" providerId="ADAL" clId="{1D5A3147-643B-4007-A2EC-37CFA1093334}" dt="2020-11-16T12:18:51.984" v="163"/>
          <ac:spMkLst>
            <pc:docMk/>
            <pc:sldMk cId="0" sldId="312"/>
            <ac:spMk id="2" creationId="{49170026-3107-4602-B35D-DDEB12635473}"/>
          </ac:spMkLst>
        </pc:spChg>
        <pc:spChg chg="add del mod">
          <ac:chgData name="Rosmorduc Vinca" userId="ad80fc01-cf55-4376-a825-a887c8046f05" providerId="ADAL" clId="{1D5A3147-643B-4007-A2EC-37CFA1093334}" dt="2020-11-16T12:18:51.984" v="163"/>
          <ac:spMkLst>
            <pc:docMk/>
            <pc:sldMk cId="0" sldId="312"/>
            <ac:spMk id="3" creationId="{C2748591-2B4B-4F37-A1A7-6B130EF501B0}"/>
          </ac:spMkLst>
        </pc:spChg>
        <pc:spChg chg="mod">
          <ac:chgData name="Rosmorduc Vinca" userId="ad80fc01-cf55-4376-a825-a887c8046f05" providerId="ADAL" clId="{1D5A3147-643B-4007-A2EC-37CFA1093334}" dt="2020-11-16T11:18:48.107" v="3" actId="179"/>
          <ac:spMkLst>
            <pc:docMk/>
            <pc:sldMk cId="0" sldId="312"/>
            <ac:spMk id="17411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19:16.353" v="185" actId="404"/>
          <ac:spMkLst>
            <pc:docMk/>
            <pc:sldMk cId="0" sldId="312"/>
            <ac:spMk id="17412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19:51.853" v="205" actId="1076"/>
        <pc:sldMkLst>
          <pc:docMk/>
          <pc:sldMk cId="0" sldId="318"/>
        </pc:sldMkLst>
        <pc:spChg chg="add del mod">
          <ac:chgData name="Rosmorduc Vinca" userId="ad80fc01-cf55-4376-a825-a887c8046f05" providerId="ADAL" clId="{1D5A3147-643B-4007-A2EC-37CFA1093334}" dt="2020-11-16T12:19:23.671" v="186"/>
          <ac:spMkLst>
            <pc:docMk/>
            <pc:sldMk cId="0" sldId="318"/>
            <ac:spMk id="2" creationId="{168C2B5C-E6E6-4170-A549-884DEC18EA21}"/>
          </ac:spMkLst>
        </pc:spChg>
        <pc:spChg chg="add del mod">
          <ac:chgData name="Rosmorduc Vinca" userId="ad80fc01-cf55-4376-a825-a887c8046f05" providerId="ADAL" clId="{1D5A3147-643B-4007-A2EC-37CFA1093334}" dt="2020-11-16T12:19:23.671" v="186"/>
          <ac:spMkLst>
            <pc:docMk/>
            <pc:sldMk cId="0" sldId="318"/>
            <ac:spMk id="3" creationId="{76B38717-BEE7-4579-82FD-0BDA9F93B0A1}"/>
          </ac:spMkLst>
        </pc:spChg>
        <pc:spChg chg="mod">
          <ac:chgData name="Rosmorduc Vinca" userId="ad80fc01-cf55-4376-a825-a887c8046f05" providerId="ADAL" clId="{1D5A3147-643B-4007-A2EC-37CFA1093334}" dt="2020-11-16T11:18:52.284" v="4" actId="179"/>
          <ac:spMkLst>
            <pc:docMk/>
            <pc:sldMk cId="0" sldId="318"/>
            <ac:spMk id="18434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19:50.301" v="204" actId="404"/>
          <ac:spMkLst>
            <pc:docMk/>
            <pc:sldMk cId="0" sldId="318"/>
            <ac:spMk id="18435" creationId="{00000000-0000-0000-0000-000000000000}"/>
          </ac:spMkLst>
        </pc:spChg>
        <pc:picChg chg="mod">
          <ac:chgData name="Rosmorduc Vinca" userId="ad80fc01-cf55-4376-a825-a887c8046f05" providerId="ADAL" clId="{1D5A3147-643B-4007-A2EC-37CFA1093334}" dt="2020-11-16T12:19:51.853" v="205" actId="1076"/>
          <ac:picMkLst>
            <pc:docMk/>
            <pc:sldMk cId="0" sldId="318"/>
            <ac:picMk id="18436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1D5A3147-643B-4007-A2EC-37CFA1093334}" dt="2020-11-16T12:20:26.695" v="232" actId="20577"/>
        <pc:sldMkLst>
          <pc:docMk/>
          <pc:sldMk cId="0" sldId="324"/>
        </pc:sldMkLst>
        <pc:spChg chg="add del mod">
          <ac:chgData name="Rosmorduc Vinca" userId="ad80fc01-cf55-4376-a825-a887c8046f05" providerId="ADAL" clId="{1D5A3147-643B-4007-A2EC-37CFA1093334}" dt="2020-11-16T12:19:59.386" v="206"/>
          <ac:spMkLst>
            <pc:docMk/>
            <pc:sldMk cId="0" sldId="324"/>
            <ac:spMk id="2" creationId="{DE1EF2AD-1975-45AD-BF4C-7DB4E4FF7A37}"/>
          </ac:spMkLst>
        </pc:spChg>
        <pc:spChg chg="add del mod">
          <ac:chgData name="Rosmorduc Vinca" userId="ad80fc01-cf55-4376-a825-a887c8046f05" providerId="ADAL" clId="{1D5A3147-643B-4007-A2EC-37CFA1093334}" dt="2020-11-16T12:19:59.386" v="206"/>
          <ac:spMkLst>
            <pc:docMk/>
            <pc:sldMk cId="0" sldId="324"/>
            <ac:spMk id="3" creationId="{EC69899E-B2A6-44E5-AA00-4EC2A425469E}"/>
          </ac:spMkLst>
        </pc:spChg>
        <pc:spChg chg="mod">
          <ac:chgData name="Rosmorduc Vinca" userId="ad80fc01-cf55-4376-a825-a887c8046f05" providerId="ADAL" clId="{1D5A3147-643B-4007-A2EC-37CFA1093334}" dt="2020-11-16T11:18:57.803" v="6" actId="179"/>
          <ac:spMkLst>
            <pc:docMk/>
            <pc:sldMk cId="0" sldId="324"/>
            <ac:spMk id="19458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0:26.695" v="232" actId="20577"/>
          <ac:spMkLst>
            <pc:docMk/>
            <pc:sldMk cId="0" sldId="324"/>
            <ac:spMk id="19459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21:01.162" v="251" actId="20577"/>
        <pc:sldMkLst>
          <pc:docMk/>
          <pc:sldMk cId="0" sldId="328"/>
        </pc:sldMkLst>
        <pc:spChg chg="add del mod">
          <ac:chgData name="Rosmorduc Vinca" userId="ad80fc01-cf55-4376-a825-a887c8046f05" providerId="ADAL" clId="{1D5A3147-643B-4007-A2EC-37CFA1093334}" dt="2020-11-16T12:20:35.692" v="233"/>
          <ac:spMkLst>
            <pc:docMk/>
            <pc:sldMk cId="0" sldId="328"/>
            <ac:spMk id="2" creationId="{367434B0-C999-4B77-96BB-98F1BF79396C}"/>
          </ac:spMkLst>
        </pc:spChg>
        <pc:spChg chg="add del mod">
          <ac:chgData name="Rosmorduc Vinca" userId="ad80fc01-cf55-4376-a825-a887c8046f05" providerId="ADAL" clId="{1D5A3147-643B-4007-A2EC-37CFA1093334}" dt="2020-11-16T12:20:35.692" v="233"/>
          <ac:spMkLst>
            <pc:docMk/>
            <pc:sldMk cId="0" sldId="328"/>
            <ac:spMk id="3" creationId="{5A1B5B5E-DD4E-4613-BA85-1DCA004E37AB}"/>
          </ac:spMkLst>
        </pc:spChg>
        <pc:spChg chg="mod">
          <ac:chgData name="Rosmorduc Vinca" userId="ad80fc01-cf55-4376-a825-a887c8046f05" providerId="ADAL" clId="{1D5A3147-643B-4007-A2EC-37CFA1093334}" dt="2020-11-16T11:19:03.003" v="7" actId="179"/>
          <ac:spMkLst>
            <pc:docMk/>
            <pc:sldMk cId="0" sldId="328"/>
            <ac:spMk id="21506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1:01.162" v="251" actId="20577"/>
          <ac:spMkLst>
            <pc:docMk/>
            <pc:sldMk cId="0" sldId="328"/>
            <ac:spMk id="2150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22:02.104" v="278" actId="20577"/>
        <pc:sldMkLst>
          <pc:docMk/>
          <pc:sldMk cId="0" sldId="329"/>
        </pc:sldMkLst>
        <pc:spChg chg="add del mod">
          <ac:chgData name="Rosmorduc Vinca" userId="ad80fc01-cf55-4376-a825-a887c8046f05" providerId="ADAL" clId="{1D5A3147-643B-4007-A2EC-37CFA1093334}" dt="2020-11-16T12:21:09.330" v="252"/>
          <ac:spMkLst>
            <pc:docMk/>
            <pc:sldMk cId="0" sldId="329"/>
            <ac:spMk id="2" creationId="{7BE30D8B-E15C-4C1C-B7BF-C88B005ED157}"/>
          </ac:spMkLst>
        </pc:spChg>
        <pc:spChg chg="add del mod">
          <ac:chgData name="Rosmorduc Vinca" userId="ad80fc01-cf55-4376-a825-a887c8046f05" providerId="ADAL" clId="{1D5A3147-643B-4007-A2EC-37CFA1093334}" dt="2020-11-16T12:21:09.330" v="252"/>
          <ac:spMkLst>
            <pc:docMk/>
            <pc:sldMk cId="0" sldId="329"/>
            <ac:spMk id="3" creationId="{65A25EDC-77B7-4FD8-B146-FC8589D45926}"/>
          </ac:spMkLst>
        </pc:spChg>
        <pc:spChg chg="mod">
          <ac:chgData name="Rosmorduc Vinca" userId="ad80fc01-cf55-4376-a825-a887c8046f05" providerId="ADAL" clId="{1D5A3147-643B-4007-A2EC-37CFA1093334}" dt="2020-11-16T11:19:07.332" v="8" actId="179"/>
          <ac:spMkLst>
            <pc:docMk/>
            <pc:sldMk cId="0" sldId="329"/>
            <ac:spMk id="22530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2:02.104" v="278" actId="20577"/>
          <ac:spMkLst>
            <pc:docMk/>
            <pc:sldMk cId="0" sldId="329"/>
            <ac:spMk id="22531" creationId="{00000000-0000-0000-0000-000000000000}"/>
          </ac:spMkLst>
        </pc:spChg>
        <pc:picChg chg="mod">
          <ac:chgData name="Rosmorduc Vinca" userId="ad80fc01-cf55-4376-a825-a887c8046f05" providerId="ADAL" clId="{1D5A3147-643B-4007-A2EC-37CFA1093334}" dt="2020-11-16T12:21:43.686" v="265" actId="1076"/>
          <ac:picMkLst>
            <pc:docMk/>
            <pc:sldMk cId="0" sldId="329"/>
            <ac:picMk id="22532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1D5A3147-643B-4007-A2EC-37CFA1093334}" dt="2020-11-16T12:22:35.025" v="300" actId="6549"/>
        <pc:sldMkLst>
          <pc:docMk/>
          <pc:sldMk cId="0" sldId="330"/>
        </pc:sldMkLst>
        <pc:spChg chg="add del mod">
          <ac:chgData name="Rosmorduc Vinca" userId="ad80fc01-cf55-4376-a825-a887c8046f05" providerId="ADAL" clId="{1D5A3147-643B-4007-A2EC-37CFA1093334}" dt="2020-11-16T12:22:12.529" v="279"/>
          <ac:spMkLst>
            <pc:docMk/>
            <pc:sldMk cId="0" sldId="330"/>
            <ac:spMk id="2" creationId="{FF82D9F8-23DF-4D95-B496-AE3FEAE965FF}"/>
          </ac:spMkLst>
        </pc:spChg>
        <pc:spChg chg="add del mod">
          <ac:chgData name="Rosmorduc Vinca" userId="ad80fc01-cf55-4376-a825-a887c8046f05" providerId="ADAL" clId="{1D5A3147-643B-4007-A2EC-37CFA1093334}" dt="2020-11-16T12:22:12.529" v="279"/>
          <ac:spMkLst>
            <pc:docMk/>
            <pc:sldMk cId="0" sldId="330"/>
            <ac:spMk id="3" creationId="{A92B88B8-4EFB-4578-9009-6A5F7DFF8345}"/>
          </ac:spMkLst>
        </pc:spChg>
        <pc:spChg chg="mod">
          <ac:chgData name="Rosmorduc Vinca" userId="ad80fc01-cf55-4376-a825-a887c8046f05" providerId="ADAL" clId="{1D5A3147-643B-4007-A2EC-37CFA1093334}" dt="2020-11-16T11:19:11.532" v="9" actId="179"/>
          <ac:spMkLst>
            <pc:docMk/>
            <pc:sldMk cId="0" sldId="330"/>
            <ac:spMk id="23554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2:35.025" v="300" actId="6549"/>
          <ac:spMkLst>
            <pc:docMk/>
            <pc:sldMk cId="0" sldId="330"/>
            <ac:spMk id="23555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23:56.289" v="348" actId="20577"/>
        <pc:sldMkLst>
          <pc:docMk/>
          <pc:sldMk cId="0" sldId="332"/>
        </pc:sldMkLst>
        <pc:spChg chg="add del mod">
          <ac:chgData name="Rosmorduc Vinca" userId="ad80fc01-cf55-4376-a825-a887c8046f05" providerId="ADAL" clId="{1D5A3147-643B-4007-A2EC-37CFA1093334}" dt="2020-11-16T12:23:27.170" v="324"/>
          <ac:spMkLst>
            <pc:docMk/>
            <pc:sldMk cId="0" sldId="332"/>
            <ac:spMk id="2" creationId="{7A74422B-2696-4A19-B710-B306855BE446}"/>
          </ac:spMkLst>
        </pc:spChg>
        <pc:spChg chg="add del mod">
          <ac:chgData name="Rosmorduc Vinca" userId="ad80fc01-cf55-4376-a825-a887c8046f05" providerId="ADAL" clId="{1D5A3147-643B-4007-A2EC-37CFA1093334}" dt="2020-11-16T12:23:27.170" v="324"/>
          <ac:spMkLst>
            <pc:docMk/>
            <pc:sldMk cId="0" sldId="332"/>
            <ac:spMk id="3" creationId="{34F501C8-F0A0-410D-A618-C24C224F6D1E}"/>
          </ac:spMkLst>
        </pc:spChg>
        <pc:spChg chg="mod">
          <ac:chgData name="Rosmorduc Vinca" userId="ad80fc01-cf55-4376-a825-a887c8046f05" providerId="ADAL" clId="{1D5A3147-643B-4007-A2EC-37CFA1093334}" dt="2020-11-16T12:23:23.856" v="323" actId="20577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3:56.289" v="348" actId="20577"/>
          <ac:spMkLst>
            <pc:docMk/>
            <pc:sldMk cId="0" sldId="332"/>
            <ac:spMk id="2662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23:09.289" v="319" actId="404"/>
        <pc:sldMkLst>
          <pc:docMk/>
          <pc:sldMk cId="0" sldId="334"/>
        </pc:sldMkLst>
        <pc:spChg chg="add del mod">
          <ac:chgData name="Rosmorduc Vinca" userId="ad80fc01-cf55-4376-a825-a887c8046f05" providerId="ADAL" clId="{1D5A3147-643B-4007-A2EC-37CFA1093334}" dt="2020-11-16T11:20:49.019" v="50"/>
          <ac:spMkLst>
            <pc:docMk/>
            <pc:sldMk cId="0" sldId="334"/>
            <ac:spMk id="2" creationId="{990764B9-091E-4E84-B749-172B9549B5F4}"/>
          </ac:spMkLst>
        </pc:spChg>
        <pc:spChg chg="add del mod">
          <ac:chgData name="Rosmorduc Vinca" userId="ad80fc01-cf55-4376-a825-a887c8046f05" providerId="ADAL" clId="{1D5A3147-643B-4007-A2EC-37CFA1093334}" dt="2020-11-16T12:22:42.083" v="301"/>
          <ac:spMkLst>
            <pc:docMk/>
            <pc:sldMk cId="0" sldId="334"/>
            <ac:spMk id="2" creationId="{BB67DA9C-F948-4256-8556-1872DB54FCD6}"/>
          </ac:spMkLst>
        </pc:spChg>
        <pc:spChg chg="add del mod">
          <ac:chgData name="Rosmorduc Vinca" userId="ad80fc01-cf55-4376-a825-a887c8046f05" providerId="ADAL" clId="{1D5A3147-643B-4007-A2EC-37CFA1093334}" dt="2020-11-16T11:20:49.019" v="50"/>
          <ac:spMkLst>
            <pc:docMk/>
            <pc:sldMk cId="0" sldId="334"/>
            <ac:spMk id="3" creationId="{BD078FB7-476D-4ED4-B85B-0859DB42B1EF}"/>
          </ac:spMkLst>
        </pc:spChg>
        <pc:spChg chg="add del mod">
          <ac:chgData name="Rosmorduc Vinca" userId="ad80fc01-cf55-4376-a825-a887c8046f05" providerId="ADAL" clId="{1D5A3147-643B-4007-A2EC-37CFA1093334}" dt="2020-11-16T12:22:42.083" v="301"/>
          <ac:spMkLst>
            <pc:docMk/>
            <pc:sldMk cId="0" sldId="334"/>
            <ac:spMk id="3" creationId="{E361AA14-AF43-4F86-920B-20420904DD2E}"/>
          </ac:spMkLst>
        </pc:spChg>
        <pc:spChg chg="mod">
          <ac:chgData name="Rosmorduc Vinca" userId="ad80fc01-cf55-4376-a825-a887c8046f05" providerId="ADAL" clId="{1D5A3147-643B-4007-A2EC-37CFA1093334}" dt="2020-11-16T11:19:16.182" v="10" actId="179"/>
          <ac:spMkLst>
            <pc:docMk/>
            <pc:sldMk cId="0" sldId="334"/>
            <ac:spMk id="25603" creationId="{00000000-0000-0000-0000-000000000000}"/>
          </ac:spMkLst>
        </pc:spChg>
        <pc:spChg chg="mod">
          <ac:chgData name="Rosmorduc Vinca" userId="ad80fc01-cf55-4376-a825-a887c8046f05" providerId="ADAL" clId="{1D5A3147-643B-4007-A2EC-37CFA1093334}" dt="2020-11-16T12:23:09.289" v="319" actId="404"/>
          <ac:spMkLst>
            <pc:docMk/>
            <pc:sldMk cId="0" sldId="334"/>
            <ac:spMk id="25604" creationId="{00000000-0000-0000-0000-000000000000}"/>
          </ac:spMkLst>
        </pc:spChg>
        <pc:picChg chg="mod">
          <ac:chgData name="Rosmorduc Vinca" userId="ad80fc01-cf55-4376-a825-a887c8046f05" providerId="ADAL" clId="{1D5A3147-643B-4007-A2EC-37CFA1093334}" dt="2020-11-16T11:21:56.437" v="70" actId="1076"/>
          <ac:picMkLst>
            <pc:docMk/>
            <pc:sldMk cId="0" sldId="334"/>
            <ac:picMk id="25602" creationId="{00000000-0000-0000-0000-000000000000}"/>
          </ac:picMkLst>
        </pc:picChg>
      </pc:sldChg>
      <pc:sldChg chg="addSp delSp modSp">
        <pc:chgData name="Rosmorduc Vinca" userId="ad80fc01-cf55-4376-a825-a887c8046f05" providerId="ADAL" clId="{1D5A3147-643B-4007-A2EC-37CFA1093334}" dt="2020-11-16T12:15:08.735" v="74"/>
        <pc:sldMkLst>
          <pc:docMk/>
          <pc:sldMk cId="0" sldId="343"/>
        </pc:sldMkLst>
        <pc:spChg chg="add del mod">
          <ac:chgData name="Rosmorduc Vinca" userId="ad80fc01-cf55-4376-a825-a887c8046f05" providerId="ADAL" clId="{1D5A3147-643B-4007-A2EC-37CFA1093334}" dt="2020-11-16T12:15:08.735" v="74"/>
          <ac:spMkLst>
            <pc:docMk/>
            <pc:sldMk cId="0" sldId="343"/>
            <ac:spMk id="2" creationId="{5D41A8B9-944E-4764-95DE-A0976939527D}"/>
          </ac:spMkLst>
        </pc:spChg>
        <pc:spChg chg="add mod">
          <ac:chgData name="Rosmorduc Vinca" userId="ad80fc01-cf55-4376-a825-a887c8046f05" providerId="ADAL" clId="{1D5A3147-643B-4007-A2EC-37CFA1093334}" dt="2020-11-16T12:15:08.735" v="74"/>
          <ac:spMkLst>
            <pc:docMk/>
            <pc:sldMk cId="0" sldId="343"/>
            <ac:spMk id="3" creationId="{347D51C8-0A18-45C0-AD19-13264613B770}"/>
          </ac:spMkLst>
        </pc:spChg>
        <pc:spChg chg="del">
          <ac:chgData name="Rosmorduc Vinca" userId="ad80fc01-cf55-4376-a825-a887c8046f05" providerId="ADAL" clId="{1D5A3147-643B-4007-A2EC-37CFA1093334}" dt="2020-11-16T12:15:08.735" v="74"/>
          <ac:spMkLst>
            <pc:docMk/>
            <pc:sldMk cId="0" sldId="343"/>
            <ac:spMk id="5" creationId="{00000000-0000-0000-0000-000000000000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16:13.852" v="85"/>
        <pc:sldMkLst>
          <pc:docMk/>
          <pc:sldMk cId="246926335" sldId="349"/>
        </pc:sldMkLst>
        <pc:spChg chg="add del 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2" creationId="{49BA4B5B-BC26-492E-83CA-409EC086CA15}"/>
          </ac:spMkLst>
        </pc:spChg>
        <pc:spChg chg="add del mod">
          <ac:chgData name="Rosmorduc Vinca" userId="ad80fc01-cf55-4376-a825-a887c8046f05" providerId="ADAL" clId="{1D5A3147-643B-4007-A2EC-37CFA1093334}" dt="2020-11-16T12:16:13.852" v="85"/>
          <ac:spMkLst>
            <pc:docMk/>
            <pc:sldMk cId="246926335" sldId="349"/>
            <ac:spMk id="3" creationId="{27574CDF-6105-4982-8D39-B15F21B70BD4}"/>
          </ac:spMkLst>
        </pc:spChg>
        <pc:spChg chg="del mod">
          <ac:chgData name="Rosmorduc Vinca" userId="ad80fc01-cf55-4376-a825-a887c8046f05" providerId="ADAL" clId="{1D5A3147-643B-4007-A2EC-37CFA1093334}" dt="2020-11-16T12:15:47.830" v="80" actId="478"/>
          <ac:spMkLst>
            <pc:docMk/>
            <pc:sldMk cId="246926335" sldId="349"/>
            <ac:spMk id="156" creationId="{14C1F3CB-CA04-4327-AE7B-7665E850D35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36" creationId="{8B90800D-F49D-41B5-AC8F-097738F2CEA1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37" creationId="{C31146F6-8855-424D-A675-9A099941B971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38" creationId="{80942E57-E05D-4DC0-A0CB-2EE5B047B863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39" creationId="{666B5E10-BEF9-4A92-8A7F-C881CD2C6D2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40" creationId="{000E2FA6-FB46-4B64-AA7E-F27C459E231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41" creationId="{B851E857-379D-444F-B1BD-FB32A3FD20F2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542" creationId="{AF8F8290-B2EE-40DE-B159-C6F348B423C1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80" creationId="{F435C389-5473-4F29-B279-7786ADF10BF6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82" creationId="{5801A7BC-224B-4BCC-888B-A08CEB98285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84" creationId="{300097E3-4BF4-4BCC-9AA5-E3EE0FBE7AC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86" creationId="{B1CF4360-CF74-4ECB-AC63-F32E5BC3D019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88" creationId="{12047D1B-715E-41D8-8331-A364784F4F52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90" creationId="{0A2DA8E1-6C85-484B-AAAE-F277D8894717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998" creationId="{AA3F7551-688E-4159-AC17-A7D42FCB03A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04" creationId="{74C2F61F-E4EB-4BF4-B86F-AE811C86AE5B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05" creationId="{C1A6C68A-37BB-49A8-9305-59DC7A8FE569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06" creationId="{69E90866-0A41-4B7B-AF0B-9B301AC15E8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12" creationId="{C2551089-6A67-4F47-8848-1D443D75720D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13" creationId="{8E28C1B7-2DBE-4255-8765-A63863E656F4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14" creationId="{55B83EB2-E7BA-49B6-89F8-C5A2F368DB95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20" creationId="{EBF1DC92-4EF3-4EF3-9850-C9A55E0798C4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21" creationId="{E24A0CD3-99C1-4561-BEA5-ED480AA41009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22" creationId="{EAEC662F-8EDA-4A46-9884-DAEC9CBAF27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28" creationId="{763B8A50-5781-46C5-8A7E-082499819C09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29" creationId="{BFE657A1-89FE-4BCD-B35C-81F4862B8C73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30" creationId="{9A69854A-3E53-431C-9F57-1E1A66E46D66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36" creationId="{0B4FC796-F777-48C5-8A1F-557CFC54F800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37" creationId="{ABCB516A-B300-4A0D-9D23-88ABE76579DB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38" creationId="{9D7830FA-3C4A-47B2-8663-83C873465E56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44" creationId="{B6AA2A50-D8E1-4142-A985-A42FB4CC8922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45" creationId="{6021DB01-139C-4112-B922-99EEE6B7D7D9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46" creationId="{31DF4637-D048-437E-8873-60CC8C0B45D5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52" creationId="{5A49F869-F4BA-4AEA-A63C-4327BAAEA17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53" creationId="{5148DABC-D81A-4CB9-837A-2C2334598DD6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54" creationId="{FFB21605-69F5-4B25-8856-A8586C65122E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60" creationId="{CFDCC3EF-B2D9-4BEF-B4AE-EF391EA6E9A4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61" creationId="{C7653FBC-8366-461D-9102-2572D0338342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62" creationId="{E48F631C-7E02-4CBD-9640-0384C17669C4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68" creationId="{98DA79E5-FECF-4930-B921-AE9D4BADF07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69" creationId="{BE68BDE4-424D-4005-B03E-F74675838B63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70" creationId="{D6A6F727-6F54-4603-AF7E-B18BA354BDCC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76" creationId="{A265561D-8672-4B25-9009-BD2D6A6D1CD7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77" creationId="{3CB85637-6A38-4836-886B-3847F0382BAC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78" creationId="{EECA2EF8-A4E5-4FCB-A0AF-98DF50945C2C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84" creationId="{A0B0CB27-EA26-49D7-86F7-A5CD891DE010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85" creationId="{6B46CE82-5CBD-4DDA-B98D-9DCB0EDB12AF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86" creationId="{F90D7ACE-DE0A-45E5-B2D0-30395D10A5D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92" creationId="{DCFDB5FC-5A72-42DE-8439-692A1BACD6E6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93" creationId="{5F780928-60B2-41E7-9B91-AD71E04316B5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094" creationId="{76CAA860-AF78-49FA-84F9-3E669BF03CA4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00" creationId="{953DC9E1-10A5-4574-AC7F-33210242C8B1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01" creationId="{8833ECD0-501C-411E-9A66-E03E5F3725A7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02" creationId="{C4FC18FE-D410-4A12-AC87-9BA60AA79A9A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08" creationId="{55A99C1C-E1C3-4406-A8FF-DD3335B4BFC7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09" creationId="{14AEDE16-A576-4165-8DCC-C7FBEB0EA598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10" creationId="{B41F8A26-14EF-4E26-B6DA-6EFBF919A01E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16" creationId="{1D8B52BB-A409-4E9F-A610-B4C1242557ED}"/>
          </ac:spMkLst>
        </pc:spChg>
        <pc:spChg chg="mod">
          <ac:chgData name="Rosmorduc Vinca" userId="ad80fc01-cf55-4376-a825-a887c8046f05" providerId="ADAL" clId="{1D5A3147-643B-4007-A2EC-37CFA1093334}" dt="2020-11-16T12:16:01.337" v="84" actId="2711"/>
          <ac:spMkLst>
            <pc:docMk/>
            <pc:sldMk cId="246926335" sldId="349"/>
            <ac:spMk id="1117" creationId="{1B0A9D6A-2921-4BD6-BC94-0CF7541425CE}"/>
          </ac:spMkLst>
        </pc:sp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543" creationId="{F62BF0D9-26F4-4A01-A002-F38FBDA9137F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0" creationId="{44B8F053-7EC2-4A36-8699-D7A7DB6E68AA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1" creationId="{5CCDF141-96C2-437F-ACE9-11DB77BE5687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2" creationId="{116AA96E-F424-4140-98C5-E3FD995BFDC4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3" creationId="{2CB67EF8-900C-4704-8411-E5D2E277015B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4" creationId="{FF4D8C4B-F725-456D-BFC5-F232632C7FFE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5" creationId="{0A32C7A4-A0C0-4E7E-BFD8-AFBE77C1C316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6" creationId="{81480E88-C4AA-4C10-B112-60BCA0918BE2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807" creationId="{FA8E1005-9F85-4DB0-ACC0-405413E9D709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81" creationId="{544C0294-A089-4B1F-8F61-6433786F8B45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83" creationId="{9A07DD7E-7B43-425A-B7E6-36B4FD3C9CBF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85" creationId="{FA2ABA93-3B5C-433D-B61D-8D2CF8249A86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87" creationId="{532F6684-DD53-452D-ABE1-26C6592ED7C8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89" creationId="{0491B842-3FC4-4743-818B-544648483792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1" creationId="{69FCF171-3B07-4761-9198-6B16EB12E418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2" creationId="{99FFE817-7432-4938-A4AD-22DBFFEA5964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3" creationId="{4C519DA0-2299-4BF0-A404-18B015AF1DD7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4" creationId="{0B4C784F-A6CF-4D50-AC23-15AF2D263275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5" creationId="{B3EE6587-23F9-4E48-9CB9-24B65CD9B5EA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6" creationId="{7BC8DFD9-5C84-4652-9416-50F21112B5BF}"/>
          </ac:cxnSpMkLst>
        </pc:cxnChg>
        <pc:cxnChg chg="mod">
          <ac:chgData name="Rosmorduc Vinca" userId="ad80fc01-cf55-4376-a825-a887c8046f05" providerId="ADAL" clId="{1D5A3147-643B-4007-A2EC-37CFA1093334}" dt="2020-11-16T12:16:01.337" v="84" actId="2711"/>
          <ac:cxnSpMkLst>
            <pc:docMk/>
            <pc:sldMk cId="246926335" sldId="349"/>
            <ac:cxnSpMk id="997" creationId="{B496102D-8E39-4B70-B40A-D91466CE4205}"/>
          </ac:cxnSpMkLst>
        </pc:cxnChg>
      </pc:sldChg>
      <pc:sldChg chg="addSp delSp modSp del mod">
        <pc:chgData name="Rosmorduc Vinca" userId="ad80fc01-cf55-4376-a825-a887c8046f05" providerId="ADAL" clId="{1D5A3147-643B-4007-A2EC-37CFA1093334}" dt="2020-11-16T12:27:44.259" v="359" actId="47"/>
        <pc:sldMkLst>
          <pc:docMk/>
          <pc:sldMk cId="3776507324" sldId="350"/>
        </pc:sldMkLst>
        <pc:spChg chg="mod">
          <ac:chgData name="Rosmorduc Vinca" userId="ad80fc01-cf55-4376-a825-a887c8046f05" providerId="ADAL" clId="{1D5A3147-643B-4007-A2EC-37CFA1093334}" dt="2020-11-16T11:20:30.965" v="36" actId="179"/>
          <ac:spMkLst>
            <pc:docMk/>
            <pc:sldMk cId="3776507324" sldId="350"/>
            <ac:spMk id="2" creationId="{26B94267-A045-4544-96DD-CE15453B9525}"/>
          </ac:spMkLst>
        </pc:spChg>
        <pc:spChg chg="del mod">
          <ac:chgData name="Rosmorduc Vinca" userId="ad80fc01-cf55-4376-a825-a887c8046f05" providerId="ADAL" clId="{1D5A3147-643B-4007-A2EC-37CFA1093334}" dt="2020-11-16T12:24:07.429" v="349"/>
          <ac:spMkLst>
            <pc:docMk/>
            <pc:sldMk cId="3776507324" sldId="350"/>
            <ac:spMk id="3" creationId="{A08BB4DC-E360-4850-89B9-74F24AF6CD89}"/>
          </ac:spMkLst>
        </pc:spChg>
        <pc:spChg chg="add del mod">
          <ac:chgData name="Rosmorduc Vinca" userId="ad80fc01-cf55-4376-a825-a887c8046f05" providerId="ADAL" clId="{1D5A3147-643B-4007-A2EC-37CFA1093334}" dt="2020-11-16T12:24:07.429" v="349"/>
          <ac:spMkLst>
            <pc:docMk/>
            <pc:sldMk cId="3776507324" sldId="350"/>
            <ac:spMk id="4" creationId="{19301617-A7D7-4728-92C9-4A4CB0098267}"/>
          </ac:spMkLst>
        </pc:spChg>
        <pc:spChg chg="add mod">
          <ac:chgData name="Rosmorduc Vinca" userId="ad80fc01-cf55-4376-a825-a887c8046f05" providerId="ADAL" clId="{1D5A3147-643B-4007-A2EC-37CFA1093334}" dt="2020-11-16T12:24:07.429" v="349"/>
          <ac:spMkLst>
            <pc:docMk/>
            <pc:sldMk cId="3776507324" sldId="350"/>
            <ac:spMk id="5" creationId="{EC01762F-8ABF-4DC9-9EEA-ED2DE83456F5}"/>
          </ac:spMkLst>
        </pc:spChg>
      </pc:sldChg>
      <pc:sldChg chg="addSp delSp modSp mod">
        <pc:chgData name="Rosmorduc Vinca" userId="ad80fc01-cf55-4376-a825-a887c8046f05" providerId="ADAL" clId="{1D5A3147-643B-4007-A2EC-37CFA1093334}" dt="2020-11-16T12:25:05.945" v="358" actId="6549"/>
        <pc:sldMkLst>
          <pc:docMk/>
          <pc:sldMk cId="2149226584" sldId="351"/>
        </pc:sldMkLst>
        <pc:spChg chg="mod">
          <ac:chgData name="Rosmorduc Vinca" userId="ad80fc01-cf55-4376-a825-a887c8046f05" providerId="ADAL" clId="{1D5A3147-643B-4007-A2EC-37CFA1093334}" dt="2020-11-16T11:22:37.104" v="73" actId="790"/>
          <ac:spMkLst>
            <pc:docMk/>
            <pc:sldMk cId="2149226584" sldId="351"/>
            <ac:spMk id="2" creationId="{4DDD38B6-71A5-411B-B19C-F6CE34D636F0}"/>
          </ac:spMkLst>
        </pc:spChg>
        <pc:spChg chg="mod">
          <ac:chgData name="Rosmorduc Vinca" userId="ad80fc01-cf55-4376-a825-a887c8046f05" providerId="ADAL" clId="{1D5A3147-643B-4007-A2EC-37CFA1093334}" dt="2020-11-16T12:25:05.945" v="358" actId="6549"/>
          <ac:spMkLst>
            <pc:docMk/>
            <pc:sldMk cId="2149226584" sldId="351"/>
            <ac:spMk id="3" creationId="{2D488E76-EACF-43C3-B332-176D500681D9}"/>
          </ac:spMkLst>
        </pc:spChg>
        <pc:spChg chg="add del mod">
          <ac:chgData name="Rosmorduc Vinca" userId="ad80fc01-cf55-4376-a825-a887c8046f05" providerId="ADAL" clId="{1D5A3147-643B-4007-A2EC-37CFA1093334}" dt="2020-11-16T11:22:29.394" v="72"/>
          <ac:spMkLst>
            <pc:docMk/>
            <pc:sldMk cId="2149226584" sldId="351"/>
            <ac:spMk id="4" creationId="{ADA092B0-472C-4E00-9127-42C80FA46489}"/>
          </ac:spMkLst>
        </pc:spChg>
        <pc:spChg chg="add del mod">
          <ac:chgData name="Rosmorduc Vinca" userId="ad80fc01-cf55-4376-a825-a887c8046f05" providerId="ADAL" clId="{1D5A3147-643B-4007-A2EC-37CFA1093334}" dt="2020-11-16T12:24:10.385" v="350"/>
          <ac:spMkLst>
            <pc:docMk/>
            <pc:sldMk cId="2149226584" sldId="351"/>
            <ac:spMk id="4" creationId="{BABBAB62-06E6-4784-B43F-75BA04E0A446}"/>
          </ac:spMkLst>
        </pc:spChg>
        <pc:spChg chg="add del mod">
          <ac:chgData name="Rosmorduc Vinca" userId="ad80fc01-cf55-4376-a825-a887c8046f05" providerId="ADAL" clId="{1D5A3147-643B-4007-A2EC-37CFA1093334}" dt="2020-11-16T12:24:10.385" v="350"/>
          <ac:spMkLst>
            <pc:docMk/>
            <pc:sldMk cId="2149226584" sldId="351"/>
            <ac:spMk id="5" creationId="{E384A38B-89C9-4C79-95E3-2105637242B9}"/>
          </ac:spMkLst>
        </pc:spChg>
        <pc:spChg chg="add del mod">
          <ac:chgData name="Rosmorduc Vinca" userId="ad80fc01-cf55-4376-a825-a887c8046f05" providerId="ADAL" clId="{1D5A3147-643B-4007-A2EC-37CFA1093334}" dt="2020-11-16T11:22:29.394" v="72"/>
          <ac:spMkLst>
            <pc:docMk/>
            <pc:sldMk cId="2149226584" sldId="351"/>
            <ac:spMk id="5" creationId="{F285C8E0-7DD9-4D35-ACEE-CD32FF6326B3}"/>
          </ac:spMkLst>
        </pc:spChg>
      </pc:sldChg>
      <pc:sldChg chg="addSp delSp modSp">
        <pc:chgData name="Rosmorduc Vinca" userId="ad80fc01-cf55-4376-a825-a887c8046f05" providerId="ADAL" clId="{1D5A3147-643B-4007-A2EC-37CFA1093334}" dt="2020-11-16T12:16:24.341" v="86"/>
        <pc:sldMkLst>
          <pc:docMk/>
          <pc:sldMk cId="4185536091" sldId="353"/>
        </pc:sldMkLst>
        <pc:spChg chg="add del mod">
          <ac:chgData name="Rosmorduc Vinca" userId="ad80fc01-cf55-4376-a825-a887c8046f05" providerId="ADAL" clId="{1D5A3147-643B-4007-A2EC-37CFA1093334}" dt="2020-11-16T12:16:24.341" v="86"/>
          <ac:spMkLst>
            <pc:docMk/>
            <pc:sldMk cId="4185536091" sldId="353"/>
            <ac:spMk id="2" creationId="{916D211C-9E0C-4AC2-83CE-61D7F70F86C9}"/>
          </ac:spMkLst>
        </pc:spChg>
        <pc:spChg chg="add del mod">
          <ac:chgData name="Rosmorduc Vinca" userId="ad80fc01-cf55-4376-a825-a887c8046f05" providerId="ADAL" clId="{1D5A3147-643B-4007-A2EC-37CFA1093334}" dt="2020-11-16T12:16:24.341" v="86"/>
          <ac:spMkLst>
            <pc:docMk/>
            <pc:sldMk cId="4185536091" sldId="353"/>
            <ac:spMk id="3" creationId="{D859EB6C-93A9-484C-B266-0F05CDB8EEFF}"/>
          </ac:spMkLst>
        </pc:spChg>
      </pc:sldChg>
      <pc:sldChg chg="modSp new del mod">
        <pc:chgData name="Rosmorduc Vinca" userId="ad80fc01-cf55-4376-a825-a887c8046f05" providerId="ADAL" clId="{1D5A3147-643B-4007-A2EC-37CFA1093334}" dt="2020-11-16T11:22:15.195" v="71" actId="47"/>
        <pc:sldMkLst>
          <pc:docMk/>
          <pc:sldMk cId="2942753586" sldId="354"/>
        </pc:sldMkLst>
        <pc:spChg chg="mod">
          <ac:chgData name="Rosmorduc Vinca" userId="ad80fc01-cf55-4376-a825-a887c8046f05" providerId="ADAL" clId="{1D5A3147-643B-4007-A2EC-37CFA1093334}" dt="2020-11-16T11:20:41.217" v="49" actId="20577"/>
          <ac:spMkLst>
            <pc:docMk/>
            <pc:sldMk cId="2942753586" sldId="354"/>
            <ac:spMk id="2" creationId="{4B163506-7487-4F09-8320-0B6FAAD4B3B9}"/>
          </ac:spMkLst>
        </pc:spChg>
      </pc:sldChg>
    </pc:docChg>
  </pc:docChgLst>
  <pc:docChgLst>
    <pc:chgData name="Rosmorduc Vinca" userId="ad80fc01-cf55-4376-a825-a887c8046f05" providerId="ADAL" clId="{A4980011-1E4F-4E7A-B087-E1BF0BD4B588}"/>
    <pc:docChg chg="undo custSel modSld">
      <pc:chgData name="Rosmorduc Vinca" userId="ad80fc01-cf55-4376-a825-a887c8046f05" providerId="ADAL" clId="{A4980011-1E4F-4E7A-B087-E1BF0BD4B588}" dt="2020-11-26T11:04:00.060" v="210" actId="20577"/>
      <pc:docMkLst>
        <pc:docMk/>
      </pc:docMkLst>
      <pc:sldChg chg="modSp">
        <pc:chgData name="Rosmorduc Vinca" userId="ad80fc01-cf55-4376-a825-a887c8046f05" providerId="ADAL" clId="{A4980011-1E4F-4E7A-B087-E1BF0BD4B588}" dt="2020-11-26T10:19:18.719" v="0" actId="14826"/>
        <pc:sldMkLst>
          <pc:docMk/>
          <pc:sldMk cId="0" sldId="307"/>
        </pc:sldMkLst>
        <pc:grpChg chg="mod">
          <ac:chgData name="Rosmorduc Vinca" userId="ad80fc01-cf55-4376-a825-a887c8046f05" providerId="ADAL" clId="{A4980011-1E4F-4E7A-B087-E1BF0BD4B588}" dt="2020-11-26T10:19:18.719" v="0" actId="14826"/>
          <ac:grpSpMkLst>
            <pc:docMk/>
            <pc:sldMk cId="0" sldId="307"/>
            <ac:grpSpMk id="3" creationId="{038D6C17-A8AF-479F-81DC-85A5A2877BA6}"/>
          </ac:grpSpMkLst>
        </pc:grpChg>
        <pc:picChg chg="mod">
          <ac:chgData name="Rosmorduc Vinca" userId="ad80fc01-cf55-4376-a825-a887c8046f05" providerId="ADAL" clId="{A4980011-1E4F-4E7A-B087-E1BF0BD4B588}" dt="2020-11-26T10:19:18.719" v="0" actId="14826"/>
          <ac:picMkLst>
            <pc:docMk/>
            <pc:sldMk cId="0" sldId="307"/>
            <ac:picMk id="2" creationId="{4826E186-A22C-4BF6-B649-95BA8BBC1389}"/>
          </ac:picMkLst>
        </pc:picChg>
      </pc:sldChg>
      <pc:sldChg chg="modSp mod">
        <pc:chgData name="Rosmorduc Vinca" userId="ad80fc01-cf55-4376-a825-a887c8046f05" providerId="ADAL" clId="{A4980011-1E4F-4E7A-B087-E1BF0BD4B588}" dt="2020-11-26T10:34:23.434" v="54" actId="790"/>
        <pc:sldMkLst>
          <pc:docMk/>
          <pc:sldMk cId="0" sldId="318"/>
        </pc:sldMkLst>
        <pc:spChg chg="mod">
          <ac:chgData name="Rosmorduc Vinca" userId="ad80fc01-cf55-4376-a825-a887c8046f05" providerId="ADAL" clId="{A4980011-1E4F-4E7A-B087-E1BF0BD4B588}" dt="2020-11-26T10:34:23.434" v="54" actId="790"/>
          <ac:spMkLst>
            <pc:docMk/>
            <pc:sldMk cId="0" sldId="318"/>
            <ac:spMk id="18435" creationId="{00000000-0000-0000-0000-000000000000}"/>
          </ac:spMkLst>
        </pc:spChg>
      </pc:sldChg>
      <pc:sldChg chg="modSp mod">
        <pc:chgData name="Rosmorduc Vinca" userId="ad80fc01-cf55-4376-a825-a887c8046f05" providerId="ADAL" clId="{A4980011-1E4F-4E7A-B087-E1BF0BD4B588}" dt="2020-11-26T10:33:34.368" v="53" actId="20577"/>
        <pc:sldMkLst>
          <pc:docMk/>
          <pc:sldMk cId="0" sldId="324"/>
        </pc:sldMkLst>
        <pc:spChg chg="mod">
          <ac:chgData name="Rosmorduc Vinca" userId="ad80fc01-cf55-4376-a825-a887c8046f05" providerId="ADAL" clId="{A4980011-1E4F-4E7A-B087-E1BF0BD4B588}" dt="2020-11-26T10:33:34.368" v="53" actId="20577"/>
          <ac:spMkLst>
            <pc:docMk/>
            <pc:sldMk cId="0" sldId="324"/>
            <ac:spMk id="19459" creationId="{00000000-0000-0000-0000-000000000000}"/>
          </ac:spMkLst>
        </pc:spChg>
      </pc:sldChg>
      <pc:sldChg chg="addSp delSp modSp mod">
        <pc:chgData name="Rosmorduc Vinca" userId="ad80fc01-cf55-4376-a825-a887c8046f05" providerId="ADAL" clId="{A4980011-1E4F-4E7A-B087-E1BF0BD4B588}" dt="2020-11-26T10:44:12.762" v="120" actId="790"/>
        <pc:sldMkLst>
          <pc:docMk/>
          <pc:sldMk cId="0" sldId="328"/>
        </pc:sldMkLst>
        <pc:spChg chg="mod">
          <ac:chgData name="Rosmorduc Vinca" userId="ad80fc01-cf55-4376-a825-a887c8046f05" providerId="ADAL" clId="{A4980011-1E4F-4E7A-B087-E1BF0BD4B588}" dt="2020-11-26T10:31:57.051" v="38" actId="790"/>
          <ac:spMkLst>
            <pc:docMk/>
            <pc:sldMk cId="0" sldId="328"/>
            <ac:spMk id="21506" creationId="{00000000-0000-0000-0000-000000000000}"/>
          </ac:spMkLst>
        </pc:spChg>
        <pc:spChg chg="mod">
          <ac:chgData name="Rosmorduc Vinca" userId="ad80fc01-cf55-4376-a825-a887c8046f05" providerId="ADAL" clId="{A4980011-1E4F-4E7A-B087-E1BF0BD4B588}" dt="2020-11-26T10:44:12.762" v="120" actId="790"/>
          <ac:spMkLst>
            <pc:docMk/>
            <pc:sldMk cId="0" sldId="328"/>
            <ac:spMk id="21507" creationId="{00000000-0000-0000-0000-000000000000}"/>
          </ac:spMkLst>
        </pc:spChg>
        <pc:picChg chg="add mod ord">
          <ac:chgData name="Rosmorduc Vinca" userId="ad80fc01-cf55-4376-a825-a887c8046f05" providerId="ADAL" clId="{A4980011-1E4F-4E7A-B087-E1BF0BD4B588}" dt="2020-11-26T10:23:50.684" v="6" actId="170"/>
          <ac:picMkLst>
            <pc:docMk/>
            <pc:sldMk cId="0" sldId="328"/>
            <ac:picMk id="3" creationId="{C63F3C98-7CC8-426D-8B7C-269702160004}"/>
          </ac:picMkLst>
        </pc:picChg>
        <pc:picChg chg="del">
          <ac:chgData name="Rosmorduc Vinca" userId="ad80fc01-cf55-4376-a825-a887c8046f05" providerId="ADAL" clId="{A4980011-1E4F-4E7A-B087-E1BF0BD4B588}" dt="2020-11-26T10:19:57.545" v="2" actId="478"/>
          <ac:picMkLst>
            <pc:docMk/>
            <pc:sldMk cId="0" sldId="328"/>
            <ac:picMk id="5" creationId="{0FA03A5B-D824-4976-B891-8F34C2E430D6}"/>
          </ac:picMkLst>
        </pc:picChg>
        <pc:picChg chg="del">
          <ac:chgData name="Rosmorduc Vinca" userId="ad80fc01-cf55-4376-a825-a887c8046f05" providerId="ADAL" clId="{A4980011-1E4F-4E7A-B087-E1BF0BD4B588}" dt="2020-11-26T10:19:50.528" v="1" actId="478"/>
          <ac:picMkLst>
            <pc:docMk/>
            <pc:sldMk cId="0" sldId="328"/>
            <ac:picMk id="6" creationId="{F93DAD3D-EC24-4CE5-99BF-078DB54B4CD2}"/>
          </ac:picMkLst>
        </pc:picChg>
        <pc:picChg chg="add mod">
          <ac:chgData name="Rosmorduc Vinca" userId="ad80fc01-cf55-4376-a825-a887c8046f05" providerId="ADAL" clId="{A4980011-1E4F-4E7A-B087-E1BF0BD4B588}" dt="2020-11-26T10:26:02.038" v="9" actId="14100"/>
          <ac:picMkLst>
            <pc:docMk/>
            <pc:sldMk cId="0" sldId="328"/>
            <ac:picMk id="7" creationId="{86083DB6-5CAA-46E1-9C97-BA772E063EEA}"/>
          </ac:picMkLst>
        </pc:picChg>
      </pc:sldChg>
      <pc:sldChg chg="modSp mod">
        <pc:chgData name="Rosmorduc Vinca" userId="ad80fc01-cf55-4376-a825-a887c8046f05" providerId="ADAL" clId="{A4980011-1E4F-4E7A-B087-E1BF0BD4B588}" dt="2020-11-26T10:54:48.279" v="162" actId="1036"/>
        <pc:sldMkLst>
          <pc:docMk/>
          <pc:sldMk cId="0" sldId="329"/>
        </pc:sldMkLst>
        <pc:spChg chg="mod">
          <ac:chgData name="Rosmorduc Vinca" userId="ad80fc01-cf55-4376-a825-a887c8046f05" providerId="ADAL" clId="{A4980011-1E4F-4E7A-B087-E1BF0BD4B588}" dt="2020-11-26T10:54:48.279" v="162" actId="1036"/>
          <ac:spMkLst>
            <pc:docMk/>
            <pc:sldMk cId="0" sldId="329"/>
            <ac:spMk id="22531" creationId="{00000000-0000-0000-0000-000000000000}"/>
          </ac:spMkLst>
        </pc:spChg>
      </pc:sldChg>
      <pc:sldChg chg="modSp mod">
        <pc:chgData name="Rosmorduc Vinca" userId="ad80fc01-cf55-4376-a825-a887c8046f05" providerId="ADAL" clId="{A4980011-1E4F-4E7A-B087-E1BF0BD4B588}" dt="2020-11-26T10:48:06.319" v="129" actId="20577"/>
        <pc:sldMkLst>
          <pc:docMk/>
          <pc:sldMk cId="0" sldId="330"/>
        </pc:sldMkLst>
        <pc:spChg chg="mod">
          <ac:chgData name="Rosmorduc Vinca" userId="ad80fc01-cf55-4376-a825-a887c8046f05" providerId="ADAL" clId="{A4980011-1E4F-4E7A-B087-E1BF0BD4B588}" dt="2020-11-26T10:48:06.319" v="129" actId="20577"/>
          <ac:spMkLst>
            <pc:docMk/>
            <pc:sldMk cId="0" sldId="330"/>
            <ac:spMk id="23555" creationId="{00000000-0000-0000-0000-000000000000}"/>
          </ac:spMkLst>
        </pc:spChg>
        <pc:grpChg chg="ord">
          <ac:chgData name="Rosmorduc Vinca" userId="ad80fc01-cf55-4376-a825-a887c8046f05" providerId="ADAL" clId="{A4980011-1E4F-4E7A-B087-E1BF0BD4B588}" dt="2020-11-26T10:29:45.125" v="26" actId="170"/>
          <ac:grpSpMkLst>
            <pc:docMk/>
            <pc:sldMk cId="0" sldId="330"/>
            <ac:grpSpMk id="4" creationId="{6CB478BF-547B-45DC-98A4-62FC430DEE61}"/>
          </ac:grpSpMkLst>
        </pc:grpChg>
      </pc:sldChg>
      <pc:sldChg chg="modSp mod">
        <pc:chgData name="Rosmorduc Vinca" userId="ad80fc01-cf55-4376-a825-a887c8046f05" providerId="ADAL" clId="{A4980011-1E4F-4E7A-B087-E1BF0BD4B588}" dt="2020-11-26T11:04:00.060" v="210" actId="20577"/>
        <pc:sldMkLst>
          <pc:docMk/>
          <pc:sldMk cId="0" sldId="332"/>
        </pc:sldMkLst>
        <pc:spChg chg="mod">
          <ac:chgData name="Rosmorduc Vinca" userId="ad80fc01-cf55-4376-a825-a887c8046f05" providerId="ADAL" clId="{A4980011-1E4F-4E7A-B087-E1BF0BD4B588}" dt="2020-11-26T10:58:02.262" v="178" actId="790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A4980011-1E4F-4E7A-B087-E1BF0BD4B588}" dt="2020-11-26T11:04:00.060" v="210" actId="20577"/>
          <ac:spMkLst>
            <pc:docMk/>
            <pc:sldMk cId="0" sldId="332"/>
            <ac:spMk id="26627" creationId="{00000000-0000-0000-0000-000000000000}"/>
          </ac:spMkLst>
        </pc:spChg>
      </pc:sldChg>
      <pc:sldChg chg="modSp mod">
        <pc:chgData name="Rosmorduc Vinca" userId="ad80fc01-cf55-4376-a825-a887c8046f05" providerId="ADAL" clId="{A4980011-1E4F-4E7A-B087-E1BF0BD4B588}" dt="2020-11-26T10:57:49.174" v="177"/>
        <pc:sldMkLst>
          <pc:docMk/>
          <pc:sldMk cId="0" sldId="334"/>
        </pc:sldMkLst>
        <pc:spChg chg="mod">
          <ac:chgData name="Rosmorduc Vinca" userId="ad80fc01-cf55-4376-a825-a887c8046f05" providerId="ADAL" clId="{A4980011-1E4F-4E7A-B087-E1BF0BD4B588}" dt="2020-11-26T10:57:49.174" v="177"/>
          <ac:spMkLst>
            <pc:docMk/>
            <pc:sldMk cId="0" sldId="334"/>
            <ac:spMk id="25603" creationId="{00000000-0000-0000-0000-000000000000}"/>
          </ac:spMkLst>
        </pc:spChg>
        <pc:spChg chg="mod">
          <ac:chgData name="Rosmorduc Vinca" userId="ad80fc01-cf55-4376-a825-a887c8046f05" providerId="ADAL" clId="{A4980011-1E4F-4E7A-B087-E1BF0BD4B588}" dt="2020-11-26T10:57:37.948" v="173" actId="20577"/>
          <ac:spMkLst>
            <pc:docMk/>
            <pc:sldMk cId="0" sldId="334"/>
            <ac:spMk id="25604" creationId="{00000000-0000-0000-0000-000000000000}"/>
          </ac:spMkLst>
        </pc:spChg>
      </pc:sldChg>
    </pc:docChg>
  </pc:docChgLst>
  <pc:docChgLst>
    <pc:chgData name="Rosmorduc Vinca" userId="ad80fc01-cf55-4376-a825-a887c8046f05" providerId="ADAL" clId="{3B441815-B086-4651-9B5A-FE83B37F795B}"/>
    <pc:docChg chg="modSld">
      <pc:chgData name="Rosmorduc Vinca" userId="ad80fc01-cf55-4376-a825-a887c8046f05" providerId="ADAL" clId="{3B441815-B086-4651-9B5A-FE83B37F795B}" dt="2020-11-17T13:33:19.773" v="22" actId="1037"/>
      <pc:docMkLst>
        <pc:docMk/>
      </pc:docMkLst>
      <pc:sldChg chg="modSp mod">
        <pc:chgData name="Rosmorduc Vinca" userId="ad80fc01-cf55-4376-a825-a887c8046f05" providerId="ADAL" clId="{3B441815-B086-4651-9B5A-FE83B37F795B}" dt="2020-11-17T13:33:19.773" v="22" actId="1037"/>
        <pc:sldMkLst>
          <pc:docMk/>
          <pc:sldMk cId="0" sldId="343"/>
        </pc:sldMkLst>
        <pc:spChg chg="mod">
          <ac:chgData name="Rosmorduc Vinca" userId="ad80fc01-cf55-4376-a825-a887c8046f05" providerId="ADAL" clId="{3B441815-B086-4651-9B5A-FE83B37F795B}" dt="2020-11-17T13:33:19.773" v="22" actId="1037"/>
          <ac:spMkLst>
            <pc:docMk/>
            <pc:sldMk cId="0" sldId="343"/>
            <ac:spMk id="7" creationId="{F5F7044B-33A9-468B-8E96-26774ABCB3CF}"/>
          </ac:spMkLst>
        </pc:spChg>
      </pc:sldChg>
    </pc:docChg>
  </pc:docChgLst>
  <pc:docChgLst>
    <pc:chgData name="Rosmorduc Vinca" userId="ad80fc01-cf55-4376-a825-a887c8046f05" providerId="ADAL" clId="{D40E89B1-FA8B-4CA1-9CFE-7B86B0E91609}"/>
    <pc:docChg chg="undo custSel addSld delSld modSld modMainMaster">
      <pc:chgData name="Rosmorduc Vinca" userId="ad80fc01-cf55-4376-a825-a887c8046f05" providerId="ADAL" clId="{D40E89B1-FA8B-4CA1-9CFE-7B86B0E91609}" dt="2020-06-05T08:04:57.905" v="517" actId="20577"/>
      <pc:docMkLst>
        <pc:docMk/>
      </pc:docMkLst>
      <pc:sldChg chg="modSp mod">
        <pc:chgData name="Rosmorduc Vinca" userId="ad80fc01-cf55-4376-a825-a887c8046f05" providerId="ADAL" clId="{D40E89B1-FA8B-4CA1-9CFE-7B86B0E91609}" dt="2020-06-05T07:50:45.839" v="24" actId="20577"/>
        <pc:sldMkLst>
          <pc:docMk/>
          <pc:sldMk cId="0" sldId="318"/>
        </pc:sldMkLst>
        <pc:spChg chg="mod">
          <ac:chgData name="Rosmorduc Vinca" userId="ad80fc01-cf55-4376-a825-a887c8046f05" providerId="ADAL" clId="{D40E89B1-FA8B-4CA1-9CFE-7B86B0E91609}" dt="2020-06-05T07:50:45.839" v="24" actId="20577"/>
          <ac:spMkLst>
            <pc:docMk/>
            <pc:sldMk cId="0" sldId="318"/>
            <ac:spMk id="18435" creationId="{00000000-0000-0000-0000-000000000000}"/>
          </ac:spMkLst>
        </pc:spChg>
      </pc:sldChg>
      <pc:sldChg chg="modSp mod">
        <pc:chgData name="Rosmorduc Vinca" userId="ad80fc01-cf55-4376-a825-a887c8046f05" providerId="ADAL" clId="{D40E89B1-FA8B-4CA1-9CFE-7B86B0E91609}" dt="2020-06-05T07:51:17.324" v="44" actId="6549"/>
        <pc:sldMkLst>
          <pc:docMk/>
          <pc:sldMk cId="0" sldId="332"/>
        </pc:sldMkLst>
        <pc:spChg chg="mod">
          <ac:chgData name="Rosmorduc Vinca" userId="ad80fc01-cf55-4376-a825-a887c8046f05" providerId="ADAL" clId="{D40E89B1-FA8B-4CA1-9CFE-7B86B0E91609}" dt="2020-06-05T07:51:17.324" v="44" actId="6549"/>
          <ac:spMkLst>
            <pc:docMk/>
            <pc:sldMk cId="0" sldId="332"/>
            <ac:spMk id="26627" creationId="{00000000-0000-0000-0000-000000000000}"/>
          </ac:spMkLst>
        </pc:spChg>
      </pc:sldChg>
      <pc:sldChg chg="new del">
        <pc:chgData name="Rosmorduc Vinca" userId="ad80fc01-cf55-4376-a825-a887c8046f05" providerId="ADAL" clId="{D40E89B1-FA8B-4CA1-9CFE-7B86B0E91609}" dt="2020-06-05T07:57:26.852" v="46" actId="47"/>
        <pc:sldMkLst>
          <pc:docMk/>
          <pc:sldMk cId="1033719095" sldId="352"/>
        </pc:sldMkLst>
      </pc:sldChg>
      <pc:sldChg chg="modSp add mod">
        <pc:chgData name="Rosmorduc Vinca" userId="ad80fc01-cf55-4376-a825-a887c8046f05" providerId="ADAL" clId="{D40E89B1-FA8B-4CA1-9CFE-7B86B0E91609}" dt="2020-06-05T08:04:57.905" v="517" actId="20577"/>
        <pc:sldMkLst>
          <pc:docMk/>
          <pc:sldMk cId="4185536091" sldId="353"/>
        </pc:sldMkLst>
        <pc:spChg chg="mod">
          <ac:chgData name="Rosmorduc Vinca" userId="ad80fc01-cf55-4376-a825-a887c8046f05" providerId="ADAL" clId="{D40E89B1-FA8B-4CA1-9CFE-7B86B0E91609}" dt="2020-06-05T08:04:12.672" v="512" actId="20577"/>
          <ac:spMkLst>
            <pc:docMk/>
            <pc:sldMk cId="4185536091" sldId="353"/>
            <ac:spMk id="5" creationId="{B1E7A7EA-4EB0-4C66-A0A6-7D2E17991FA7}"/>
          </ac:spMkLst>
        </pc:spChg>
        <pc:spChg chg="mod">
          <ac:chgData name="Rosmorduc Vinca" userId="ad80fc01-cf55-4376-a825-a887c8046f05" providerId="ADAL" clId="{D40E89B1-FA8B-4CA1-9CFE-7B86B0E91609}" dt="2020-06-05T08:04:57.905" v="517" actId="20577"/>
          <ac:spMkLst>
            <pc:docMk/>
            <pc:sldMk cId="4185536091" sldId="353"/>
            <ac:spMk id="6" creationId="{F88AF7F8-D351-4341-946E-8311F721F57F}"/>
          </ac:spMkLst>
        </pc:spChg>
      </pc:sldChg>
      <pc:sldMasterChg chg="modSldLayout">
        <pc:chgData name="Rosmorduc Vinca" userId="ad80fc01-cf55-4376-a825-a887c8046f05" providerId="ADAL" clId="{D40E89B1-FA8B-4CA1-9CFE-7B86B0E91609}" dt="2020-06-05T07:43:32.952" v="11" actId="478"/>
        <pc:sldMasterMkLst>
          <pc:docMk/>
          <pc:sldMasterMk cId="0" sldId="2147483670"/>
        </pc:sldMasterMkLst>
        <pc:sldLayoutChg chg="delSp mod">
          <pc:chgData name="Rosmorduc Vinca" userId="ad80fc01-cf55-4376-a825-a887c8046f05" providerId="ADAL" clId="{D40E89B1-FA8B-4CA1-9CFE-7B86B0E91609}" dt="2020-06-05T07:43:08.103" v="2" actId="478"/>
          <pc:sldLayoutMkLst>
            <pc:docMk/>
            <pc:sldMasterMk cId="0" sldId="2147483670"/>
            <pc:sldLayoutMk cId="0" sldId="2147483807"/>
          </pc:sldLayoutMkLst>
          <pc:spChg chg="del">
            <ac:chgData name="Rosmorduc Vinca" userId="ad80fc01-cf55-4376-a825-a887c8046f05" providerId="ADAL" clId="{D40E89B1-FA8B-4CA1-9CFE-7B86B0E91609}" dt="2020-06-05T07:43:08.103" v="2" actId="478"/>
            <ac:spMkLst>
              <pc:docMk/>
              <pc:sldMasterMk cId="0" sldId="2147483670"/>
              <pc:sldLayoutMk cId="0" sldId="2147483807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8.103" v="2" actId="478"/>
            <ac:spMkLst>
              <pc:docMk/>
              <pc:sldMasterMk cId="0" sldId="2147483670"/>
              <pc:sldLayoutMk cId="0" sldId="2147483807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8.103" v="2" actId="478"/>
            <ac:spMkLst>
              <pc:docMk/>
              <pc:sldMasterMk cId="0" sldId="2147483670"/>
              <pc:sldLayoutMk cId="0" sldId="2147483807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10.863" v="3" actId="478"/>
          <pc:sldLayoutMkLst>
            <pc:docMk/>
            <pc:sldMasterMk cId="0" sldId="2147483670"/>
            <pc:sldLayoutMk cId="0" sldId="2147483808"/>
          </pc:sldLayoutMkLst>
          <pc:spChg chg="del">
            <ac:chgData name="Rosmorduc Vinca" userId="ad80fc01-cf55-4376-a825-a887c8046f05" providerId="ADAL" clId="{D40E89B1-FA8B-4CA1-9CFE-7B86B0E91609}" dt="2020-06-05T07:43:10.863" v="3" actId="478"/>
            <ac:spMkLst>
              <pc:docMk/>
              <pc:sldMasterMk cId="0" sldId="2147483670"/>
              <pc:sldLayoutMk cId="0" sldId="2147483808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0.863" v="3" actId="478"/>
            <ac:spMkLst>
              <pc:docMk/>
              <pc:sldMasterMk cId="0" sldId="2147483670"/>
              <pc:sldLayoutMk cId="0" sldId="2147483808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0.863" v="3" actId="478"/>
            <ac:spMkLst>
              <pc:docMk/>
              <pc:sldMasterMk cId="0" sldId="2147483670"/>
              <pc:sldLayoutMk cId="0" sldId="2147483808"/>
              <ac:spMk id="7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13.273" v="4" actId="478"/>
          <pc:sldLayoutMkLst>
            <pc:docMk/>
            <pc:sldMasterMk cId="0" sldId="2147483670"/>
            <pc:sldLayoutMk cId="0" sldId="2147483809"/>
          </pc:sldLayoutMkLst>
          <pc:spChg chg="del">
            <ac:chgData name="Rosmorduc Vinca" userId="ad80fc01-cf55-4376-a825-a887c8046f05" providerId="ADAL" clId="{D40E89B1-FA8B-4CA1-9CFE-7B86B0E91609}" dt="2020-06-05T07:43:13.273" v="4" actId="478"/>
            <ac:spMkLst>
              <pc:docMk/>
              <pc:sldMasterMk cId="0" sldId="2147483670"/>
              <pc:sldLayoutMk cId="0" sldId="2147483809"/>
              <ac:spMk id="7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3.273" v="4" actId="478"/>
            <ac:spMkLst>
              <pc:docMk/>
              <pc:sldMasterMk cId="0" sldId="2147483670"/>
              <pc:sldLayoutMk cId="0" sldId="2147483809"/>
              <ac:spMk id="8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3.273" v="4" actId="478"/>
            <ac:spMkLst>
              <pc:docMk/>
              <pc:sldMasterMk cId="0" sldId="2147483670"/>
              <pc:sldLayoutMk cId="0" sldId="2147483809"/>
              <ac:spMk id="9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16.448" v="5" actId="478"/>
          <pc:sldLayoutMkLst>
            <pc:docMk/>
            <pc:sldMasterMk cId="0" sldId="2147483670"/>
            <pc:sldLayoutMk cId="0" sldId="2147483810"/>
          </pc:sldLayoutMkLst>
          <pc:spChg chg="del">
            <ac:chgData name="Rosmorduc Vinca" userId="ad80fc01-cf55-4376-a825-a887c8046f05" providerId="ADAL" clId="{D40E89B1-FA8B-4CA1-9CFE-7B86B0E91609}" dt="2020-06-05T07:43:16.448" v="5" actId="478"/>
            <ac:spMkLst>
              <pc:docMk/>
              <pc:sldMasterMk cId="0" sldId="2147483670"/>
              <pc:sldLayoutMk cId="0" sldId="2147483810"/>
              <ac:spMk id="3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6.448" v="5" actId="478"/>
            <ac:spMkLst>
              <pc:docMk/>
              <pc:sldMasterMk cId="0" sldId="2147483670"/>
              <pc:sldLayoutMk cId="0" sldId="2147483810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6.448" v="5" actId="478"/>
            <ac:spMkLst>
              <pc:docMk/>
              <pc:sldMasterMk cId="0" sldId="2147483670"/>
              <pc:sldLayoutMk cId="0" sldId="2147483810"/>
              <ac:spMk id="5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19.280" v="6" actId="478"/>
          <pc:sldLayoutMkLst>
            <pc:docMk/>
            <pc:sldMasterMk cId="0" sldId="2147483670"/>
            <pc:sldLayoutMk cId="0" sldId="2147483811"/>
          </pc:sldLayoutMkLst>
          <pc:spChg chg="del">
            <ac:chgData name="Rosmorduc Vinca" userId="ad80fc01-cf55-4376-a825-a887c8046f05" providerId="ADAL" clId="{D40E89B1-FA8B-4CA1-9CFE-7B86B0E91609}" dt="2020-06-05T07:43:19.280" v="6" actId="478"/>
            <ac:spMkLst>
              <pc:docMk/>
              <pc:sldMasterMk cId="0" sldId="2147483670"/>
              <pc:sldLayoutMk cId="0" sldId="2147483811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9.280" v="6" actId="478"/>
            <ac:spMkLst>
              <pc:docMk/>
              <pc:sldMasterMk cId="0" sldId="2147483670"/>
              <pc:sldLayoutMk cId="0" sldId="2147483811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19.280" v="6" actId="478"/>
            <ac:spMkLst>
              <pc:docMk/>
              <pc:sldMasterMk cId="0" sldId="2147483670"/>
              <pc:sldLayoutMk cId="0" sldId="2147483811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22.392" v="7" actId="478"/>
          <pc:sldLayoutMkLst>
            <pc:docMk/>
            <pc:sldMasterMk cId="0" sldId="2147483670"/>
            <pc:sldLayoutMk cId="0" sldId="2147483812"/>
          </pc:sldLayoutMkLst>
          <pc:spChg chg="del">
            <ac:chgData name="Rosmorduc Vinca" userId="ad80fc01-cf55-4376-a825-a887c8046f05" providerId="ADAL" clId="{D40E89B1-FA8B-4CA1-9CFE-7B86B0E91609}" dt="2020-06-05T07:43:22.392" v="7" actId="478"/>
            <ac:spMkLst>
              <pc:docMk/>
              <pc:sldMasterMk cId="0" sldId="2147483670"/>
              <pc:sldLayoutMk cId="0" sldId="2147483812"/>
              <ac:spMk id="2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2.392" v="7" actId="478"/>
            <ac:spMkLst>
              <pc:docMk/>
              <pc:sldMasterMk cId="0" sldId="2147483670"/>
              <pc:sldLayoutMk cId="0" sldId="2147483812"/>
              <ac:spMk id="3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2.392" v="7" actId="478"/>
            <ac:spMkLst>
              <pc:docMk/>
              <pc:sldMasterMk cId="0" sldId="2147483670"/>
              <pc:sldLayoutMk cId="0" sldId="2147483812"/>
              <ac:spMk id="4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25.032" v="8" actId="478"/>
          <pc:sldLayoutMkLst>
            <pc:docMk/>
            <pc:sldMasterMk cId="0" sldId="2147483670"/>
            <pc:sldLayoutMk cId="0" sldId="2147483813"/>
          </pc:sldLayoutMkLst>
          <pc:spChg chg="del">
            <ac:chgData name="Rosmorduc Vinca" userId="ad80fc01-cf55-4376-a825-a887c8046f05" providerId="ADAL" clId="{D40E89B1-FA8B-4CA1-9CFE-7B86B0E91609}" dt="2020-06-05T07:43:25.032" v="8" actId="478"/>
            <ac:spMkLst>
              <pc:docMk/>
              <pc:sldMasterMk cId="0" sldId="2147483670"/>
              <pc:sldLayoutMk cId="0" sldId="2147483813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5.032" v="8" actId="478"/>
            <ac:spMkLst>
              <pc:docMk/>
              <pc:sldMasterMk cId="0" sldId="2147483670"/>
              <pc:sldLayoutMk cId="0" sldId="2147483813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5.032" v="8" actId="478"/>
            <ac:spMkLst>
              <pc:docMk/>
              <pc:sldMasterMk cId="0" sldId="2147483670"/>
              <pc:sldLayoutMk cId="0" sldId="2147483813"/>
              <ac:spMk id="7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30.295" v="10" actId="478"/>
          <pc:sldLayoutMkLst>
            <pc:docMk/>
            <pc:sldMasterMk cId="0" sldId="2147483670"/>
            <pc:sldLayoutMk cId="0" sldId="2147483814"/>
          </pc:sldLayoutMkLst>
          <pc:spChg chg="del">
            <ac:chgData name="Rosmorduc Vinca" userId="ad80fc01-cf55-4376-a825-a887c8046f05" providerId="ADAL" clId="{D40E89B1-FA8B-4CA1-9CFE-7B86B0E91609}" dt="2020-06-05T07:43:30.295" v="10" actId="478"/>
            <ac:spMkLst>
              <pc:docMk/>
              <pc:sldMasterMk cId="0" sldId="2147483670"/>
              <pc:sldLayoutMk cId="0" sldId="2147483814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30.295" v="10" actId="478"/>
            <ac:spMkLst>
              <pc:docMk/>
              <pc:sldMasterMk cId="0" sldId="2147483670"/>
              <pc:sldLayoutMk cId="0" sldId="2147483814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30.295" v="10" actId="478"/>
            <ac:spMkLst>
              <pc:docMk/>
              <pc:sldMasterMk cId="0" sldId="2147483670"/>
              <pc:sldLayoutMk cId="0" sldId="2147483814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32.952" v="11" actId="478"/>
          <pc:sldLayoutMkLst>
            <pc:docMk/>
            <pc:sldMasterMk cId="0" sldId="2147483670"/>
            <pc:sldLayoutMk cId="0" sldId="2147483815"/>
          </pc:sldLayoutMkLst>
          <pc:spChg chg="del">
            <ac:chgData name="Rosmorduc Vinca" userId="ad80fc01-cf55-4376-a825-a887c8046f05" providerId="ADAL" clId="{D40E89B1-FA8B-4CA1-9CFE-7B86B0E91609}" dt="2020-06-05T07:43:32.952" v="11" actId="478"/>
            <ac:spMkLst>
              <pc:docMk/>
              <pc:sldMasterMk cId="0" sldId="2147483670"/>
              <pc:sldLayoutMk cId="0" sldId="2147483815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32.952" v="11" actId="478"/>
            <ac:spMkLst>
              <pc:docMk/>
              <pc:sldMasterMk cId="0" sldId="2147483670"/>
              <pc:sldLayoutMk cId="0" sldId="2147483815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32.952" v="11" actId="478"/>
            <ac:spMkLst>
              <pc:docMk/>
              <pc:sldMasterMk cId="0" sldId="2147483670"/>
              <pc:sldLayoutMk cId="0" sldId="2147483815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01.809" v="0" actId="478"/>
          <pc:sldLayoutMkLst>
            <pc:docMk/>
            <pc:sldMasterMk cId="0" sldId="2147483670"/>
            <pc:sldLayoutMk cId="0" sldId="2147483816"/>
          </pc:sldLayoutMkLst>
          <pc:spChg chg="del">
            <ac:chgData name="Rosmorduc Vinca" userId="ad80fc01-cf55-4376-a825-a887c8046f05" providerId="ADAL" clId="{D40E89B1-FA8B-4CA1-9CFE-7B86B0E91609}" dt="2020-06-05T07:43:01.809" v="0" actId="478"/>
            <ac:spMkLst>
              <pc:docMk/>
              <pc:sldMasterMk cId="0" sldId="2147483670"/>
              <pc:sldLayoutMk cId="0" sldId="2147483816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1.809" v="0" actId="478"/>
            <ac:spMkLst>
              <pc:docMk/>
              <pc:sldMasterMk cId="0" sldId="2147483670"/>
              <pc:sldLayoutMk cId="0" sldId="2147483816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1.809" v="0" actId="478"/>
            <ac:spMkLst>
              <pc:docMk/>
              <pc:sldMasterMk cId="0" sldId="2147483670"/>
              <pc:sldLayoutMk cId="0" sldId="2147483816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1.809" v="0" actId="478"/>
            <ac:spMkLst>
              <pc:docMk/>
              <pc:sldMasterMk cId="0" sldId="2147483670"/>
              <pc:sldLayoutMk cId="0" sldId="2147483816"/>
              <ac:spMk id="7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05.402" v="1" actId="478"/>
          <pc:sldLayoutMkLst>
            <pc:docMk/>
            <pc:sldMasterMk cId="0" sldId="2147483670"/>
            <pc:sldLayoutMk cId="0" sldId="2147483817"/>
          </pc:sldLayoutMkLst>
          <pc:spChg chg="del">
            <ac:chgData name="Rosmorduc Vinca" userId="ad80fc01-cf55-4376-a825-a887c8046f05" providerId="ADAL" clId="{D40E89B1-FA8B-4CA1-9CFE-7B86B0E91609}" dt="2020-06-05T07:43:05.402" v="1" actId="478"/>
            <ac:spMkLst>
              <pc:docMk/>
              <pc:sldMasterMk cId="0" sldId="2147483670"/>
              <pc:sldLayoutMk cId="0" sldId="2147483817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5.402" v="1" actId="478"/>
            <ac:spMkLst>
              <pc:docMk/>
              <pc:sldMasterMk cId="0" sldId="2147483670"/>
              <pc:sldLayoutMk cId="0" sldId="2147483817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05.402" v="1" actId="478"/>
            <ac:spMkLst>
              <pc:docMk/>
              <pc:sldMasterMk cId="0" sldId="2147483670"/>
              <pc:sldLayoutMk cId="0" sldId="2147483817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D40E89B1-FA8B-4CA1-9CFE-7B86B0E91609}" dt="2020-06-05T07:43:27.688" v="9" actId="478"/>
          <pc:sldLayoutMkLst>
            <pc:docMk/>
            <pc:sldMasterMk cId="0" sldId="2147483670"/>
            <pc:sldLayoutMk cId="0" sldId="2147483818"/>
          </pc:sldLayoutMkLst>
          <pc:spChg chg="del">
            <ac:chgData name="Rosmorduc Vinca" userId="ad80fc01-cf55-4376-a825-a887c8046f05" providerId="ADAL" clId="{D40E89B1-FA8B-4CA1-9CFE-7B86B0E91609}" dt="2020-06-05T07:43:27.688" v="9" actId="478"/>
            <ac:spMkLst>
              <pc:docMk/>
              <pc:sldMasterMk cId="0" sldId="2147483670"/>
              <pc:sldLayoutMk cId="0" sldId="2147483818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7.688" v="9" actId="478"/>
            <ac:spMkLst>
              <pc:docMk/>
              <pc:sldMasterMk cId="0" sldId="2147483670"/>
              <pc:sldLayoutMk cId="0" sldId="2147483818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D40E89B1-FA8B-4CA1-9CFE-7B86B0E91609}" dt="2020-06-05T07:43:27.688" v="9" actId="478"/>
            <ac:spMkLst>
              <pc:docMk/>
              <pc:sldMasterMk cId="0" sldId="2147483670"/>
              <pc:sldLayoutMk cId="0" sldId="2147483818"/>
              <ac:spMk id="7" creationId="{00000000-0000-0000-0000-000000000000}"/>
            </ac:spMkLst>
          </pc:spChg>
        </pc:sldLayoutChg>
      </pc:sldMasterChg>
    </pc:docChg>
  </pc:docChgLst>
  <pc:docChgLst>
    <pc:chgData name="Rosmorduc Vinca" userId="ad80fc01-cf55-4376-a825-a887c8046f05" providerId="ADAL" clId="{A6BF66F7-B707-4A56-BCDE-FE20D24DE2AD}"/>
    <pc:docChg chg="custSel delSld modSld">
      <pc:chgData name="Rosmorduc Vinca" userId="ad80fc01-cf55-4376-a825-a887c8046f05" providerId="ADAL" clId="{A6BF66F7-B707-4A56-BCDE-FE20D24DE2AD}" dt="2019-08-20T13:59:45.934" v="388" actId="20577"/>
      <pc:docMkLst>
        <pc:docMk/>
      </pc:docMkLst>
      <pc:sldChg chg="modSp">
        <pc:chgData name="Rosmorduc Vinca" userId="ad80fc01-cf55-4376-a825-a887c8046f05" providerId="ADAL" clId="{A6BF66F7-B707-4A56-BCDE-FE20D24DE2AD}" dt="2019-08-20T13:57:25.500" v="343" actId="20577"/>
        <pc:sldMkLst>
          <pc:docMk/>
          <pc:sldMk cId="0" sldId="285"/>
        </pc:sldMkLst>
        <pc:spChg chg="mod">
          <ac:chgData name="Rosmorduc Vinca" userId="ad80fc01-cf55-4376-a825-a887c8046f05" providerId="ADAL" clId="{A6BF66F7-B707-4A56-BCDE-FE20D24DE2AD}" dt="2019-08-20T13:57:25.500" v="343" actId="20577"/>
          <ac:spMkLst>
            <pc:docMk/>
            <pc:sldMk cId="0" sldId="285"/>
            <ac:spMk id="12291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7:36.604" v="347" actId="6549"/>
        <pc:sldMkLst>
          <pc:docMk/>
          <pc:sldMk cId="0" sldId="306"/>
        </pc:sldMkLst>
        <pc:spChg chg="mod">
          <ac:chgData name="Rosmorduc Vinca" userId="ad80fc01-cf55-4376-a825-a887c8046f05" providerId="ADAL" clId="{A6BF66F7-B707-4A56-BCDE-FE20D24DE2AD}" dt="2019-08-20T13:57:36.604" v="347" actId="6549"/>
          <ac:spMkLst>
            <pc:docMk/>
            <pc:sldMk cId="0" sldId="306"/>
            <ac:spMk id="2" creationId="{4BFA7ACC-D4CB-4DD4-8FE0-374732EB83B7}"/>
          </ac:spMkLst>
        </pc:spChg>
      </pc:sldChg>
      <pc:sldChg chg="modSp">
        <pc:chgData name="Rosmorduc Vinca" userId="ad80fc01-cf55-4376-a825-a887c8046f05" providerId="ADAL" clId="{A6BF66F7-B707-4A56-BCDE-FE20D24DE2AD}" dt="2019-08-06T13:48:31.606" v="251" actId="20577"/>
        <pc:sldMkLst>
          <pc:docMk/>
          <pc:sldMk cId="0" sldId="307"/>
        </pc:sldMkLst>
        <pc:spChg chg="mod">
          <ac:chgData name="Rosmorduc Vinca" userId="ad80fc01-cf55-4376-a825-a887c8046f05" providerId="ADAL" clId="{A6BF66F7-B707-4A56-BCDE-FE20D24DE2AD}" dt="2019-08-06T13:48:31.606" v="251" actId="20577"/>
          <ac:spMkLst>
            <pc:docMk/>
            <pc:sldMk cId="0" sldId="307"/>
            <ac:spMk id="13315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8:25.419" v="243" actId="6549"/>
        <pc:sldMkLst>
          <pc:docMk/>
          <pc:sldMk cId="0" sldId="308"/>
        </pc:sldMkLst>
        <pc:spChg chg="mod">
          <ac:chgData name="Rosmorduc Vinca" userId="ad80fc01-cf55-4376-a825-a887c8046f05" providerId="ADAL" clId="{A6BF66F7-B707-4A56-BCDE-FE20D24DE2AD}" dt="2019-08-06T13:48:25.419" v="243" actId="6549"/>
          <ac:spMkLst>
            <pc:docMk/>
            <pc:sldMk cId="0" sldId="308"/>
            <ac:spMk id="14339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7:48.523" v="348"/>
        <pc:sldMkLst>
          <pc:docMk/>
          <pc:sldMk cId="0" sldId="309"/>
        </pc:sldMkLst>
        <pc:spChg chg="mod">
          <ac:chgData name="Rosmorduc Vinca" userId="ad80fc01-cf55-4376-a825-a887c8046f05" providerId="ADAL" clId="{A6BF66F7-B707-4A56-BCDE-FE20D24DE2AD}" dt="2019-08-20T13:57:48.523" v="348"/>
          <ac:spMkLst>
            <pc:docMk/>
            <pc:sldMk cId="0" sldId="309"/>
            <ac:spMk id="15363" creationId="{00000000-0000-0000-0000-000000000000}"/>
          </ac:spMkLst>
        </pc:spChg>
      </pc:sldChg>
      <pc:sldChg chg="addSp modSp">
        <pc:chgData name="Rosmorduc Vinca" userId="ad80fc01-cf55-4376-a825-a887c8046f05" providerId="ADAL" clId="{A6BF66F7-B707-4A56-BCDE-FE20D24DE2AD}" dt="2019-08-06T13:48:08.607" v="221" actId="6549"/>
        <pc:sldMkLst>
          <pc:docMk/>
          <pc:sldMk cId="0" sldId="310"/>
        </pc:sldMkLst>
        <pc:spChg chg="add mod">
          <ac:chgData name="Rosmorduc Vinca" userId="ad80fc01-cf55-4376-a825-a887c8046f05" providerId="ADAL" clId="{A6BF66F7-B707-4A56-BCDE-FE20D24DE2AD}" dt="2019-08-06T13:46:04.295" v="124" actId="113"/>
          <ac:spMkLst>
            <pc:docMk/>
            <pc:sldMk cId="0" sldId="310"/>
            <ac:spMk id="2" creationId="{A00630CC-338C-4758-A6C6-2147C7B3CB89}"/>
          </ac:spMkLst>
        </pc:spChg>
        <pc:spChg chg="mod">
          <ac:chgData name="Rosmorduc Vinca" userId="ad80fc01-cf55-4376-a825-a887c8046f05" providerId="ADAL" clId="{A6BF66F7-B707-4A56-BCDE-FE20D24DE2AD}" dt="2019-08-06T13:48:08.607" v="221" actId="6549"/>
          <ac:spMkLst>
            <pc:docMk/>
            <pc:sldMk cId="0" sldId="310"/>
            <ac:spMk id="16387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8:00.420" v="209" actId="20577"/>
        <pc:sldMkLst>
          <pc:docMk/>
          <pc:sldMk cId="0" sldId="312"/>
        </pc:sldMkLst>
        <pc:spChg chg="mod">
          <ac:chgData name="Rosmorduc Vinca" userId="ad80fc01-cf55-4376-a825-a887c8046f05" providerId="ADAL" clId="{A6BF66F7-B707-4A56-BCDE-FE20D24DE2AD}" dt="2019-08-06T13:48:00.420" v="209" actId="20577"/>
          <ac:spMkLst>
            <pc:docMk/>
            <pc:sldMk cId="0" sldId="312"/>
            <ac:spMk id="17412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7:55.295" v="206"/>
        <pc:sldMkLst>
          <pc:docMk/>
          <pc:sldMk cId="0" sldId="318"/>
        </pc:sldMkLst>
        <pc:spChg chg="mod">
          <ac:chgData name="Rosmorduc Vinca" userId="ad80fc01-cf55-4376-a825-a887c8046f05" providerId="ADAL" clId="{A6BF66F7-B707-4A56-BCDE-FE20D24DE2AD}" dt="2019-08-06T13:47:55.295" v="206"/>
          <ac:spMkLst>
            <pc:docMk/>
            <pc:sldMk cId="0" sldId="318"/>
            <ac:spMk id="18435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7:23.282" v="178" actId="6549"/>
        <pc:sldMkLst>
          <pc:docMk/>
          <pc:sldMk cId="0" sldId="324"/>
        </pc:sldMkLst>
        <pc:spChg chg="mod">
          <ac:chgData name="Rosmorduc Vinca" userId="ad80fc01-cf55-4376-a825-a887c8046f05" providerId="ADAL" clId="{A6BF66F7-B707-4A56-BCDE-FE20D24DE2AD}" dt="2019-08-06T13:47:23.282" v="178" actId="6549"/>
          <ac:spMkLst>
            <pc:docMk/>
            <pc:sldMk cId="0" sldId="324"/>
            <ac:spMk id="19459" creationId="{00000000-0000-0000-0000-000000000000}"/>
          </ac:spMkLst>
        </pc:spChg>
      </pc:sldChg>
      <pc:sldChg chg="addSp modSp">
        <pc:chgData name="Rosmorduc Vinca" userId="ad80fc01-cf55-4376-a825-a887c8046f05" providerId="ADAL" clId="{A6BF66F7-B707-4A56-BCDE-FE20D24DE2AD}" dt="2019-08-06T13:46:34.513" v="148" actId="1076"/>
        <pc:sldMkLst>
          <pc:docMk/>
          <pc:sldMk cId="0" sldId="327"/>
        </pc:sldMkLst>
        <pc:spChg chg="add mod">
          <ac:chgData name="Rosmorduc Vinca" userId="ad80fc01-cf55-4376-a825-a887c8046f05" providerId="ADAL" clId="{A6BF66F7-B707-4A56-BCDE-FE20D24DE2AD}" dt="2019-08-06T13:46:34.513" v="148" actId="1076"/>
          <ac:spMkLst>
            <pc:docMk/>
            <pc:sldMk cId="0" sldId="327"/>
            <ac:spMk id="2" creationId="{4AFFE773-5E3C-4D59-9F24-D71030E91D1A}"/>
          </ac:spMkLst>
        </pc:spChg>
      </pc:sldChg>
      <pc:sldChg chg="modSp">
        <pc:chgData name="Rosmorduc Vinca" userId="ad80fc01-cf55-4376-a825-a887c8046f05" providerId="ADAL" clId="{A6BF66F7-B707-4A56-BCDE-FE20D24DE2AD}" dt="2019-08-20T13:58:29.547" v="351" actId="1076"/>
        <pc:sldMkLst>
          <pc:docMk/>
          <pc:sldMk cId="0" sldId="328"/>
        </pc:sldMkLst>
        <pc:spChg chg="mod">
          <ac:chgData name="Rosmorduc Vinca" userId="ad80fc01-cf55-4376-a825-a887c8046f05" providerId="ADAL" clId="{A6BF66F7-B707-4A56-BCDE-FE20D24DE2AD}" dt="2019-08-20T13:58:29.547" v="351" actId="1076"/>
          <ac:spMkLst>
            <pc:docMk/>
            <pc:sldMk cId="0" sldId="328"/>
            <ac:spMk id="21507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8:26.315" v="350" actId="14100"/>
          <ac:picMkLst>
            <pc:docMk/>
            <pc:sldMk cId="0" sldId="328"/>
            <ac:picMk id="21508" creationId="{00000000-0000-0000-0000-000000000000}"/>
          </ac:picMkLst>
        </pc:picChg>
      </pc:sldChg>
      <pc:sldChg chg="modSp">
        <pc:chgData name="Rosmorduc Vinca" userId="ad80fc01-cf55-4376-a825-a887c8046f05" providerId="ADAL" clId="{A6BF66F7-B707-4A56-BCDE-FE20D24DE2AD}" dt="2019-08-20T13:58:38.403" v="352" actId="14100"/>
        <pc:sldMkLst>
          <pc:docMk/>
          <pc:sldMk cId="0" sldId="329"/>
        </pc:sldMkLst>
        <pc:spChg chg="mod">
          <ac:chgData name="Rosmorduc Vinca" userId="ad80fc01-cf55-4376-a825-a887c8046f05" providerId="ADAL" clId="{A6BF66F7-B707-4A56-BCDE-FE20D24DE2AD}" dt="2019-08-20T13:58:38.403" v="352" actId="14100"/>
          <ac:spMkLst>
            <pc:docMk/>
            <pc:sldMk cId="0" sldId="329"/>
            <ac:spMk id="22531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8:52.780" v="354" actId="1076"/>
        <pc:sldMkLst>
          <pc:docMk/>
          <pc:sldMk cId="0" sldId="330"/>
        </pc:sldMkLst>
        <pc:spChg chg="mod">
          <ac:chgData name="Rosmorduc Vinca" userId="ad80fc01-cf55-4376-a825-a887c8046f05" providerId="ADAL" clId="{A6BF66F7-B707-4A56-BCDE-FE20D24DE2AD}" dt="2019-08-20T13:58:49.836" v="353" actId="1076"/>
          <ac:spMkLst>
            <pc:docMk/>
            <pc:sldMk cId="0" sldId="330"/>
            <ac:spMk id="23555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8:52.780" v="354" actId="1076"/>
          <ac:picMkLst>
            <pc:docMk/>
            <pc:sldMk cId="0" sldId="330"/>
            <ac:picMk id="23556" creationId="{00000000-0000-0000-0000-000000000000}"/>
          </ac:picMkLst>
        </pc:picChg>
      </pc:sldChg>
      <pc:sldChg chg="addSp modSp modTransition">
        <pc:chgData name="Rosmorduc Vinca" userId="ad80fc01-cf55-4376-a825-a887c8046f05" providerId="ADAL" clId="{A6BF66F7-B707-4A56-BCDE-FE20D24DE2AD}" dt="2019-08-20T13:59:11.423" v="365" actId="6549"/>
        <pc:sldMkLst>
          <pc:docMk/>
          <pc:sldMk cId="0" sldId="331"/>
        </pc:sldMkLst>
        <pc:spChg chg="add mod">
          <ac:chgData name="Rosmorduc Vinca" userId="ad80fc01-cf55-4376-a825-a887c8046f05" providerId="ADAL" clId="{A6BF66F7-B707-4A56-BCDE-FE20D24DE2AD}" dt="2019-08-20T13:59:11.423" v="365" actId="6549"/>
          <ac:spMkLst>
            <pc:docMk/>
            <pc:sldMk cId="0" sldId="331"/>
            <ac:spMk id="2" creationId="{35EDD01F-1030-4927-91FD-5849C43EACFC}"/>
          </ac:spMkLst>
        </pc:spChg>
        <pc:spChg chg="mod">
          <ac:chgData name="Rosmorduc Vinca" userId="ad80fc01-cf55-4376-a825-a887c8046f05" providerId="ADAL" clId="{A6BF66F7-B707-4A56-BCDE-FE20D24DE2AD}" dt="2019-08-20T13:58:58.516" v="355" actId="1076"/>
          <ac:spMkLst>
            <pc:docMk/>
            <pc:sldMk cId="0" sldId="331"/>
            <ac:spMk id="24579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9:45.934" v="388" actId="20577"/>
        <pc:sldMkLst>
          <pc:docMk/>
          <pc:sldMk cId="0" sldId="332"/>
        </pc:sldMkLst>
        <pc:spChg chg="mod">
          <ac:chgData name="Rosmorduc Vinca" userId="ad80fc01-cf55-4376-a825-a887c8046f05" providerId="ADAL" clId="{A6BF66F7-B707-4A56-BCDE-FE20D24DE2AD}" dt="2019-08-20T13:59:45.934" v="388" actId="20577"/>
          <ac:spMkLst>
            <pc:docMk/>
            <pc:sldMk cId="0" sldId="332"/>
            <ac:spMk id="26627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3:14.941" v="300" actId="1076"/>
          <ac:picMkLst>
            <pc:docMk/>
            <pc:sldMk cId="0" sldId="332"/>
            <ac:picMk id="26628" creationId="{00000000-0000-0000-0000-000000000000}"/>
          </ac:picMkLst>
        </pc:picChg>
      </pc:sldChg>
      <pc:sldChg chg="modSp">
        <pc:chgData name="Rosmorduc Vinca" userId="ad80fc01-cf55-4376-a825-a887c8046f05" providerId="ADAL" clId="{A6BF66F7-B707-4A56-BCDE-FE20D24DE2AD}" dt="2019-08-20T13:59:22.716" v="366" actId="14100"/>
        <pc:sldMkLst>
          <pc:docMk/>
          <pc:sldMk cId="0" sldId="334"/>
        </pc:sldMkLst>
        <pc:spChg chg="mod">
          <ac:chgData name="Rosmorduc Vinca" userId="ad80fc01-cf55-4376-a825-a887c8046f05" providerId="ADAL" clId="{A6BF66F7-B707-4A56-BCDE-FE20D24DE2AD}" dt="2019-08-20T13:59:22.716" v="366" actId="14100"/>
          <ac:spMkLst>
            <pc:docMk/>
            <pc:sldMk cId="0" sldId="334"/>
            <ac:spMk id="25604" creationId="{00000000-0000-0000-0000-000000000000}"/>
          </ac:spMkLst>
        </pc:spChg>
      </pc:sldChg>
      <pc:sldChg chg="delSp modSp">
        <pc:chgData name="Rosmorduc Vinca" userId="ad80fc01-cf55-4376-a825-a887c8046f05" providerId="ADAL" clId="{A6BF66F7-B707-4A56-BCDE-FE20D24DE2AD}" dt="2019-08-20T13:56:44.219" v="329" actId="20577"/>
        <pc:sldMkLst>
          <pc:docMk/>
          <pc:sldMk cId="0" sldId="346"/>
        </pc:sldMkLst>
        <pc:spChg chg="del">
          <ac:chgData name="Rosmorduc Vinca" userId="ad80fc01-cf55-4376-a825-a887c8046f05" providerId="ADAL" clId="{A6BF66F7-B707-4A56-BCDE-FE20D24DE2AD}" dt="2019-08-20T13:56:07.305" v="321" actId="478"/>
          <ac:spMkLst>
            <pc:docMk/>
            <pc:sldMk cId="0" sldId="346"/>
            <ac:spMk id="2" creationId="{00000000-0000-0000-0000-000000000000}"/>
          </ac:spMkLst>
        </pc:spChg>
        <pc:spChg chg="mod">
          <ac:chgData name="Rosmorduc Vinca" userId="ad80fc01-cf55-4376-a825-a887c8046f05" providerId="ADAL" clId="{A6BF66F7-B707-4A56-BCDE-FE20D24DE2AD}" dt="2019-08-20T13:56:25.537" v="323" actId="1410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A6BF66F7-B707-4A56-BCDE-FE20D24DE2AD}" dt="2019-08-20T13:56:41.434" v="324" actId="1076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A6BF66F7-B707-4A56-BCDE-FE20D24DE2AD}" dt="2019-08-20T13:56:44.219" v="329" actId="20577"/>
          <ac:spMkLst>
            <pc:docMk/>
            <pc:sldMk cId="0" sldId="346"/>
            <ac:spMk id="797" creationId="{E0A95897-4684-4571-8940-2422783C31C2}"/>
          </ac:spMkLst>
        </pc:spChg>
      </pc:sldChg>
      <pc:sldChg chg="del">
        <pc:chgData name="Rosmorduc Vinca" userId="ad80fc01-cf55-4376-a825-a887c8046f05" providerId="ADAL" clId="{A6BF66F7-B707-4A56-BCDE-FE20D24DE2AD}" dt="2019-08-20T13:52:43.108" v="294" actId="2696"/>
        <pc:sldMkLst>
          <pc:docMk/>
          <pc:sldMk cId="1641719358" sldId="347"/>
        </pc:sldMkLst>
      </pc:sldChg>
      <pc:sldChg chg="del">
        <pc:chgData name="Rosmorduc Vinca" userId="ad80fc01-cf55-4376-a825-a887c8046f05" providerId="ADAL" clId="{A6BF66F7-B707-4A56-BCDE-FE20D24DE2AD}" dt="2019-08-20T13:52:44.731" v="295" actId="2696"/>
        <pc:sldMkLst>
          <pc:docMk/>
          <pc:sldMk cId="2318944566" sldId="349"/>
        </pc:sldMkLst>
      </pc:sldChg>
      <pc:sldChg chg="delSp">
        <pc:chgData name="Rosmorduc Vinca" userId="ad80fc01-cf55-4376-a825-a887c8046f05" providerId="ADAL" clId="{A6BF66F7-B707-4A56-BCDE-FE20D24DE2AD}" dt="2019-08-20T13:55:10.751" v="320" actId="478"/>
        <pc:sldMkLst>
          <pc:docMk/>
          <pc:sldMk cId="3776507324" sldId="350"/>
        </pc:sldMkLst>
        <pc:spChg chg="del">
          <ac:chgData name="Rosmorduc Vinca" userId="ad80fc01-cf55-4376-a825-a887c8046f05" providerId="ADAL" clId="{A6BF66F7-B707-4A56-BCDE-FE20D24DE2AD}" dt="2019-08-20T13:55:08.678" v="319" actId="478"/>
          <ac:spMkLst>
            <pc:docMk/>
            <pc:sldMk cId="3776507324" sldId="350"/>
            <ac:spMk id="4" creationId="{9D26AF22-9960-464C-9B2B-B678F53671B3}"/>
          </ac:spMkLst>
        </pc:spChg>
        <pc:spChg chg="del">
          <ac:chgData name="Rosmorduc Vinca" userId="ad80fc01-cf55-4376-a825-a887c8046f05" providerId="ADAL" clId="{A6BF66F7-B707-4A56-BCDE-FE20D24DE2AD}" dt="2019-08-20T13:55:10.751" v="320" actId="478"/>
          <ac:spMkLst>
            <pc:docMk/>
            <pc:sldMk cId="3776507324" sldId="350"/>
            <ac:spMk id="5" creationId="{68A48CD9-14B9-432A-81F3-3DAA816E74B9}"/>
          </ac:spMkLst>
        </pc:spChg>
      </pc:sldChg>
    </pc:docChg>
  </pc:docChgLst>
  <pc:docChgLst>
    <pc:chgData name="Rosmorduc Vinca" userId="ad80fc01-cf55-4376-a825-a887c8046f05" providerId="ADAL" clId="{ECA9B3FE-F290-4058-88E1-CF2F1247D951}"/>
    <pc:docChg chg="addSld delSld modSld">
      <pc:chgData name="Rosmorduc Vinca" userId="ad80fc01-cf55-4376-a825-a887c8046f05" providerId="ADAL" clId="{ECA9B3FE-F290-4058-88E1-CF2F1247D951}" dt="2020-11-26T14:41:27.098" v="34" actId="6549"/>
      <pc:docMkLst>
        <pc:docMk/>
      </pc:docMkLst>
      <pc:sldChg chg="modNotesTx">
        <pc:chgData name="Rosmorduc Vinca" userId="ad80fc01-cf55-4376-a825-a887c8046f05" providerId="ADAL" clId="{ECA9B3FE-F290-4058-88E1-CF2F1247D951}" dt="2020-11-26T14:40:36.305" v="7" actId="6549"/>
        <pc:sldMkLst>
          <pc:docMk/>
          <pc:sldMk cId="0" sldId="307"/>
        </pc:sldMkLst>
      </pc:sldChg>
      <pc:sldChg chg="modNotesTx">
        <pc:chgData name="Rosmorduc Vinca" userId="ad80fc01-cf55-4376-a825-a887c8046f05" providerId="ADAL" clId="{ECA9B3FE-F290-4058-88E1-CF2F1247D951}" dt="2020-11-26T14:40:39.672" v="8" actId="6549"/>
        <pc:sldMkLst>
          <pc:docMk/>
          <pc:sldMk cId="0" sldId="308"/>
        </pc:sldMkLst>
      </pc:sldChg>
      <pc:sldChg chg="modSp mod modNotesTx">
        <pc:chgData name="Rosmorduc Vinca" userId="ad80fc01-cf55-4376-a825-a887c8046f05" providerId="ADAL" clId="{ECA9B3FE-F290-4058-88E1-CF2F1247D951}" dt="2020-11-26T14:40:54.225" v="25" actId="20577"/>
        <pc:sldMkLst>
          <pc:docMk/>
          <pc:sldMk cId="0" sldId="310"/>
        </pc:sldMkLst>
        <pc:spChg chg="mod">
          <ac:chgData name="Rosmorduc Vinca" userId="ad80fc01-cf55-4376-a825-a887c8046f05" providerId="ADAL" clId="{ECA9B3FE-F290-4058-88E1-CF2F1247D951}" dt="2020-11-26T14:40:54.225" v="25" actId="20577"/>
          <ac:spMkLst>
            <pc:docMk/>
            <pc:sldMk cId="0" sldId="310"/>
            <ac:spMk id="2" creationId="{A00630CC-338C-4758-A6C6-2147C7B3CB89}"/>
          </ac:spMkLst>
        </pc:spChg>
      </pc:sldChg>
      <pc:sldChg chg="modNotesTx">
        <pc:chgData name="Rosmorduc Vinca" userId="ad80fc01-cf55-4376-a825-a887c8046f05" providerId="ADAL" clId="{ECA9B3FE-F290-4058-88E1-CF2F1247D951}" dt="2020-11-26T14:40:59.704" v="26" actId="6549"/>
        <pc:sldMkLst>
          <pc:docMk/>
          <pc:sldMk cId="0" sldId="312"/>
        </pc:sldMkLst>
      </pc:sldChg>
      <pc:sldChg chg="modNotesTx">
        <pc:chgData name="Rosmorduc Vinca" userId="ad80fc01-cf55-4376-a825-a887c8046f05" providerId="ADAL" clId="{ECA9B3FE-F290-4058-88E1-CF2F1247D951}" dt="2020-11-26T14:41:02.826" v="27" actId="6549"/>
        <pc:sldMkLst>
          <pc:docMk/>
          <pc:sldMk cId="0" sldId="318"/>
        </pc:sldMkLst>
      </pc:sldChg>
      <pc:sldChg chg="modNotesTx">
        <pc:chgData name="Rosmorduc Vinca" userId="ad80fc01-cf55-4376-a825-a887c8046f05" providerId="ADAL" clId="{ECA9B3FE-F290-4058-88E1-CF2F1247D951}" dt="2020-11-26T14:41:06.490" v="28" actId="6549"/>
        <pc:sldMkLst>
          <pc:docMk/>
          <pc:sldMk cId="0" sldId="324"/>
        </pc:sldMkLst>
      </pc:sldChg>
      <pc:sldChg chg="modNotesTx">
        <pc:chgData name="Rosmorduc Vinca" userId="ad80fc01-cf55-4376-a825-a887c8046f05" providerId="ADAL" clId="{ECA9B3FE-F290-4058-88E1-CF2F1247D951}" dt="2020-11-26T14:41:12.225" v="29" actId="6549"/>
        <pc:sldMkLst>
          <pc:docMk/>
          <pc:sldMk cId="0" sldId="328"/>
        </pc:sldMkLst>
      </pc:sldChg>
      <pc:sldChg chg="modNotesTx">
        <pc:chgData name="Rosmorduc Vinca" userId="ad80fc01-cf55-4376-a825-a887c8046f05" providerId="ADAL" clId="{ECA9B3FE-F290-4058-88E1-CF2F1247D951}" dt="2020-11-26T14:41:17.665" v="31" actId="6549"/>
        <pc:sldMkLst>
          <pc:docMk/>
          <pc:sldMk cId="0" sldId="329"/>
        </pc:sldMkLst>
      </pc:sldChg>
      <pc:sldChg chg="modNotesTx">
        <pc:chgData name="Rosmorduc Vinca" userId="ad80fc01-cf55-4376-a825-a887c8046f05" providerId="ADAL" clId="{ECA9B3FE-F290-4058-88E1-CF2F1247D951}" dt="2020-11-26T14:41:15.089" v="30" actId="6549"/>
        <pc:sldMkLst>
          <pc:docMk/>
          <pc:sldMk cId="0" sldId="330"/>
        </pc:sldMkLst>
      </pc:sldChg>
      <pc:sldChg chg="modNotesTx">
        <pc:chgData name="Rosmorduc Vinca" userId="ad80fc01-cf55-4376-a825-a887c8046f05" providerId="ADAL" clId="{ECA9B3FE-F290-4058-88E1-CF2F1247D951}" dt="2020-11-26T14:41:24.498" v="33" actId="6549"/>
        <pc:sldMkLst>
          <pc:docMk/>
          <pc:sldMk cId="0" sldId="332"/>
        </pc:sldMkLst>
      </pc:sldChg>
      <pc:sldChg chg="modNotesTx">
        <pc:chgData name="Rosmorduc Vinca" userId="ad80fc01-cf55-4376-a825-a887c8046f05" providerId="ADAL" clId="{ECA9B3FE-F290-4058-88E1-CF2F1247D951}" dt="2020-11-26T14:41:20.482" v="32" actId="6549"/>
        <pc:sldMkLst>
          <pc:docMk/>
          <pc:sldMk cId="0" sldId="334"/>
        </pc:sldMkLst>
      </pc:sldChg>
      <pc:sldChg chg="modNotesTx">
        <pc:chgData name="Rosmorduc Vinca" userId="ad80fc01-cf55-4376-a825-a887c8046f05" providerId="ADAL" clId="{ECA9B3FE-F290-4058-88E1-CF2F1247D951}" dt="2020-11-26T14:40:01.738" v="0" actId="6549"/>
        <pc:sldMkLst>
          <pc:docMk/>
          <pc:sldMk cId="0" sldId="343"/>
        </pc:sldMkLst>
      </pc:sldChg>
      <pc:sldChg chg="modNotesTx">
        <pc:chgData name="Rosmorduc Vinca" userId="ad80fc01-cf55-4376-a825-a887c8046f05" providerId="ADAL" clId="{ECA9B3FE-F290-4058-88E1-CF2F1247D951}" dt="2020-11-26T14:40:29.337" v="5" actId="6549"/>
        <pc:sldMkLst>
          <pc:docMk/>
          <pc:sldMk cId="246926335" sldId="349"/>
        </pc:sldMkLst>
      </pc:sldChg>
      <pc:sldChg chg="modNotesTx">
        <pc:chgData name="Rosmorduc Vinca" userId="ad80fc01-cf55-4376-a825-a887c8046f05" providerId="ADAL" clId="{ECA9B3FE-F290-4058-88E1-CF2F1247D951}" dt="2020-11-26T14:41:27.098" v="34" actId="6549"/>
        <pc:sldMkLst>
          <pc:docMk/>
          <pc:sldMk cId="2149226584" sldId="351"/>
        </pc:sldMkLst>
      </pc:sldChg>
      <pc:sldChg chg="modNotesTx">
        <pc:chgData name="Rosmorduc Vinca" userId="ad80fc01-cf55-4376-a825-a887c8046f05" providerId="ADAL" clId="{ECA9B3FE-F290-4058-88E1-CF2F1247D951}" dt="2020-11-26T14:40:32.913" v="6" actId="6549"/>
        <pc:sldMkLst>
          <pc:docMk/>
          <pc:sldMk cId="4185536091" sldId="353"/>
        </pc:sldMkLst>
      </pc:sldChg>
      <pc:sldChg chg="add del">
        <pc:chgData name="Rosmorduc Vinca" userId="ad80fc01-cf55-4376-a825-a887c8046f05" providerId="ADAL" clId="{ECA9B3FE-F290-4058-88E1-CF2F1247D951}" dt="2020-11-26T14:40:10.450" v="2" actId="47"/>
        <pc:sldMkLst>
          <pc:docMk/>
          <pc:sldMk cId="2808305736" sldId="355"/>
        </pc:sldMkLst>
      </pc:sldChg>
      <pc:sldChg chg="add del">
        <pc:chgData name="Rosmorduc Vinca" userId="ad80fc01-cf55-4376-a825-a887c8046f05" providerId="ADAL" clId="{ECA9B3FE-F290-4058-88E1-CF2F1247D951}" dt="2020-11-26T14:40:13.538" v="4"/>
        <pc:sldMkLst>
          <pc:docMk/>
          <pc:sldMk cId="3563489217" sldId="355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1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6D75033C-A5C4-4050-8936-6A67F58E6CE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10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0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765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7510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17511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1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3AA409B1-7B38-4F11-9BAA-1C12200AD74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53046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4D454DA9-077E-463F-900A-601C70CB80CF}" type="slidenum">
              <a:rPr lang="fr-FR" smtClean="0"/>
              <a:pPr/>
              <a:t>10</a:t>
            </a:fld>
            <a:endParaRPr lang="fr-FR"/>
          </a:p>
        </p:txBody>
      </p:sp>
      <p:sp>
        <p:nvSpPr>
          <p:cNvPr id="3993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994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4423537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749101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5564445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308274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0479280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584735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6000408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356741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4902645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ED8F2DA4-B9FA-41EC-9CB7-0925EC0260EF}" type="slidenum">
              <a:rPr lang="fr-FR" smtClean="0"/>
              <a:pPr/>
              <a:t>5</a:t>
            </a:fld>
            <a:endParaRPr lang="fr-FR"/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7BC6F558-8CB4-4E7C-BD22-91A1917E6663}" type="slidenum">
              <a:rPr lang="fr-FR" smtClean="0"/>
              <a:pPr/>
              <a:t>6</a:t>
            </a:fld>
            <a:endParaRPr lang="fr-FR"/>
          </a:p>
        </p:txBody>
      </p:sp>
      <p:sp>
        <p:nvSpPr>
          <p:cNvPr id="3481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482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BA638C50-DAC7-44F6-A7DA-66DB7ECAE1CD}" type="slidenum">
              <a:rPr lang="fr-FR" smtClean="0"/>
              <a:pPr/>
              <a:t>7</a:t>
            </a:fld>
            <a:endParaRPr lang="fr-FR"/>
          </a:p>
        </p:txBody>
      </p:sp>
      <p:sp>
        <p:nvSpPr>
          <p:cNvPr id="3686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6868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5106A13E-9D6A-4465-B988-1B0CBB4EB63B}" type="slidenum">
              <a:rPr lang="fr-FR" smtClean="0"/>
              <a:pPr/>
              <a:t>8</a:t>
            </a:fld>
            <a:endParaRPr lang="fr-FR"/>
          </a:p>
        </p:txBody>
      </p:sp>
      <p:sp>
        <p:nvSpPr>
          <p:cNvPr id="3789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789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D2B064B7-F000-4092-A82E-FE6C9930F0C0}" type="slidenum">
              <a:rPr lang="fr-FR" smtClean="0"/>
              <a:pPr/>
              <a:t>9</a:t>
            </a:fld>
            <a:endParaRPr lang="fr-FR"/>
          </a:p>
        </p:txBody>
      </p:sp>
      <p:sp>
        <p:nvSpPr>
          <p:cNvPr id="389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891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fr-FR" dirty="0"/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Except otherwise noted, “Water heights (altimetry): the satellites / sensors” presentation by Cnes/Aviso is licensed under CC BY-SA 4.0. To view a copy of this license, visit https://creativecommons.org/licenses/by-sa/4.0 </a:t>
            </a:r>
          </a:p>
          <a:p>
            <a:pPr eaLnBrk="1" hangingPunct="1"/>
            <a:endParaRPr lang="fr-FR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88F5CEA-070A-4417-B819-81E2E1CE19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 b="1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endParaRPr lang="en-US" noProof="0" dirty="0"/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1AE424CD-F9D2-4878-BF78-25DAAB7487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es sous-</a:t>
            </a:r>
            <a:r>
              <a:rPr lang="en-US" noProof="0" dirty="0" err="1"/>
              <a:t>titres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FD53F21-73A9-454A-A5F9-D52906D771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B0541FF-7E2B-42C4-A22D-1062ED9400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520889C-E19E-4B27-B405-450F452708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955435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C4D28B-D29C-4216-A854-BF5FD7D5C8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71449" y="136526"/>
            <a:ext cx="118776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6DB4917-2839-4853-982E-C7A3D68B671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71449" y="828675"/>
            <a:ext cx="11877675" cy="541020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B2F7EC4-F760-4606-A271-009FA2FF0C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D2F36D8-BC59-4A94-A2F4-362BA4938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47FD59C-0D0F-4F00-B17E-A49D359442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020270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384255E-EE61-4782-B2DB-200F10B41E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5400" b="1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endParaRPr lang="en-US" noProof="0" dirty="0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1EBDF23-3312-4D70-B056-DDDD32D1519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C2FE0F3-5522-4ADC-A0A5-E9B421443F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D9B0902-0F24-47C9-A632-183E9F9890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09E96E7-1D0F-4474-A209-E8904D06FF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8672939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F49C3C7-FF13-4F04-B4EF-984DC4EA6D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875" y="136526"/>
            <a:ext cx="119157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8CC5123F-F076-45D9-8479-8D0DD2E1FB57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142875" y="860425"/>
            <a:ext cx="5181600" cy="5316538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23467BF8-D26B-43A6-A0F2-422E5B77C7D4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72200" y="860425"/>
            <a:ext cx="5886450" cy="5316538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7D6209D-0150-46B3-B9F7-D778EC031B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D29BAB3-0BB2-498E-A41E-4E5DC5E23B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A522DA9-726B-4ECE-9E3D-1F8D20C8E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24559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EB065AD-6D3F-43D3-8DE8-3F29E232B79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5773" y="136525"/>
            <a:ext cx="11953461" cy="593727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16E0266F-5976-46F3-A286-525B47EA5232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145774" y="925785"/>
            <a:ext cx="5851802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17FD69C4-DB85-4D5D-A601-93979C070E94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145774" y="1749697"/>
            <a:ext cx="5851802" cy="438606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40199BB-C1C4-4D8D-921F-97DFFBB60E1B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172200" y="925785"/>
            <a:ext cx="5927034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8AC63358-E620-4088-B1C3-3725B65BDCD1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172200" y="1749697"/>
            <a:ext cx="5927034" cy="4386060"/>
          </a:xfrm>
        </p:spPr>
        <p:txBody>
          <a:bodyPr/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4773E05A-6A0F-49AB-BE71-3610D49A57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F411E7CE-EC00-4FDB-91F9-B5F903FCF2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93D6D96F-63B2-4D0F-8FC4-42D842B54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4092485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1A19D51-B8F3-4FCD-8BB9-E5CE45CEBC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825" y="136525"/>
            <a:ext cx="11925300" cy="511175"/>
          </a:xfrm>
        </p:spPr>
        <p:txBody>
          <a:bodyPr/>
          <a:lstStyle>
            <a:lvl1pPr>
              <a:defRPr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8AFED5C4-4C45-4279-849B-81C8FF2197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3AFC307-1864-42F3-A743-B501DFFED2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21DFD17-A629-4CA7-ABD5-C0EAB1E005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808102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7218E0-0B32-4AFB-859C-6806DFAA38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A1BB58F-4998-4854-86E2-64642FAF5E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4F0555D-1F02-4675-B1A9-E66DC1DE4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039921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E398BE0-AFD1-4C76-ACD4-0E1CEED5A31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AA701C91-EDE3-426B-8E25-DE50C8821E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noProof="0"/>
              <a:t>Modifier les styles du texte du masque</a:t>
            </a:r>
          </a:p>
          <a:p>
            <a:pPr lvl="1"/>
            <a:r>
              <a:rPr lang="en-US" noProof="0"/>
              <a:t>Deuxième niveau</a:t>
            </a:r>
          </a:p>
          <a:p>
            <a:pPr lvl="2"/>
            <a:r>
              <a:rPr lang="en-US" noProof="0"/>
              <a:t>Troisième niveau</a:t>
            </a:r>
          </a:p>
          <a:p>
            <a:pPr lvl="3"/>
            <a:r>
              <a:rPr lang="en-US" noProof="0"/>
              <a:t>Quatrième niveau</a:t>
            </a:r>
          </a:p>
          <a:p>
            <a:pPr lvl="4"/>
            <a:r>
              <a:rPr lang="en-US" noProof="0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31B897EB-EF20-4BB1-BDE5-35D0B85FDE97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noProof="0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FB0F00F-0C11-4018-B77F-B5FE35C13E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75456D3-842C-47A0-A7E9-B7D44B766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5AC7A718-3472-48B3-B53C-A5BAEF43F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5015843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A63C4F8-0AA6-4231-930F-5DD785B219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5758A4C4-EA96-4514-AE1E-BBD91B44BF0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noProof="0" dirty="0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E117699-03A0-425D-B154-69B1C5ADFF12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E30936B-5C63-4278-B9F4-7A0699585B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85C98E7-7667-4A3C-B248-FEBD2D36FD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noProof="0" dirty="0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D369E184-D042-451A-9DD4-A8C9EA7102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175760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EEB33AC6-0AC8-4D40-8CEF-AE3DEBA9AC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9999" y="225601"/>
            <a:ext cx="11866225" cy="45543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 dirty="0" err="1"/>
              <a:t>Modifiez</a:t>
            </a:r>
            <a:r>
              <a:rPr lang="en-US" noProof="0" dirty="0"/>
              <a:t> le style du </a:t>
            </a:r>
            <a:r>
              <a:rPr lang="en-US" noProof="0" dirty="0" err="1"/>
              <a:t>titre</a:t>
            </a:r>
            <a:r>
              <a:rPr lang="en-US" noProof="0" dirty="0"/>
              <a:t>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49CC7D0-6791-4FCE-9F1E-822F69F1AA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80000" y="818556"/>
            <a:ext cx="11866226" cy="53584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dirty="0"/>
              <a:t>Modifier les styles du </a:t>
            </a:r>
            <a:r>
              <a:rPr lang="en-US" noProof="0" dirty="0" err="1"/>
              <a:t>texte</a:t>
            </a:r>
            <a:r>
              <a:rPr lang="en-US" noProof="0" dirty="0"/>
              <a:t> du masque</a:t>
            </a:r>
          </a:p>
          <a:p>
            <a:pPr lvl="1"/>
            <a:r>
              <a:rPr lang="en-US" noProof="0" dirty="0" err="1"/>
              <a:t>Deux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2"/>
            <a:r>
              <a:rPr lang="en-US" noProof="0" dirty="0" err="1"/>
              <a:t>Trois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3"/>
            <a:r>
              <a:rPr lang="en-US" noProof="0" dirty="0" err="1"/>
              <a:t>Quatr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  <a:p>
            <a:pPr lvl="4"/>
            <a:r>
              <a:rPr lang="en-US" noProof="0" dirty="0" err="1"/>
              <a:t>Cinquième</a:t>
            </a:r>
            <a:r>
              <a:rPr lang="en-US" noProof="0" dirty="0"/>
              <a:t> </a:t>
            </a:r>
            <a:r>
              <a:rPr lang="en-US" noProof="0" dirty="0" err="1"/>
              <a:t>niveau</a:t>
            </a:r>
            <a:endParaRPr lang="en-US" noProof="0" dirty="0"/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DBF1255-BAF3-4236-8EFC-79E3CC58CA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3818" y="6356350"/>
            <a:ext cx="258758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AAAA8E-7501-47A7-B225-7AD486BA708D}" type="datetimeFigureOut">
              <a:rPr lang="en-US" noProof="0" smtClean="0"/>
              <a:t>1/26/2024</a:t>
            </a:fld>
            <a:endParaRPr lang="en-US" noProof="0" dirty="0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C4059F9-2BD9-427F-B6CD-A2AFAE79497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noProof="0" dirty="0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B259851-DE26-4373-BDC9-531757928C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2B214D-8A87-443C-8B08-BBD68F3CBDC6}" type="slidenum">
              <a:rPr lang="en-US" noProof="0" smtClean="0"/>
              <a:t>‹N°›</a:t>
            </a:fld>
            <a:endParaRPr lang="en-US" noProof="0" dirty="0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E8BE9280-16A5-4A2F-BD7C-5E085FE82D75}"/>
              </a:ext>
            </a:extLst>
          </p:cNvPr>
          <p:cNvGrpSpPr/>
          <p:nvPr userDrawn="1"/>
        </p:nvGrpSpPr>
        <p:grpSpPr>
          <a:xfrm>
            <a:off x="180000" y="6480000"/>
            <a:ext cx="813818" cy="276018"/>
            <a:chOff x="220980" y="6445457"/>
            <a:chExt cx="813818" cy="276018"/>
          </a:xfrm>
        </p:grpSpPr>
        <p:pic>
          <p:nvPicPr>
            <p:cNvPr id="8" name="Image 7">
              <a:extLst>
                <a:ext uri="{FF2B5EF4-FFF2-40B4-BE49-F238E27FC236}">
                  <a16:creationId xmlns:a16="http://schemas.microsoft.com/office/drawing/2014/main" id="{6016F65D-51E8-47F2-9AE6-20B9B73F52E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0980" y="6445457"/>
              <a:ext cx="813818" cy="152400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C9CFA73D-A6E9-4AB6-A328-D2B90EDFC654}"/>
                </a:ext>
              </a:extLst>
            </p:cNvPr>
            <p:cNvSpPr txBox="1"/>
            <p:nvPr userDrawn="1"/>
          </p:nvSpPr>
          <p:spPr>
            <a:xfrm>
              <a:off x="220980" y="6582976"/>
              <a:ext cx="813818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fr-FR" sz="900" b="1" dirty="0">
                  <a:latin typeface="Arial" panose="020B0604020202020204" pitchFamily="34" charset="0"/>
                  <a:cs typeface="Arial" panose="020B0604020202020204" pitchFamily="34" charset="0"/>
                </a:rPr>
                <a:t>Cnes/Aviso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159736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1" r:id="rId1"/>
    <p:sldLayoutId id="2147483832" r:id="rId2"/>
    <p:sldLayoutId id="2147483833" r:id="rId3"/>
    <p:sldLayoutId id="2147483834" r:id="rId4"/>
    <p:sldLayoutId id="2147483835" r:id="rId5"/>
    <p:sldLayoutId id="2147483836" r:id="rId6"/>
    <p:sldLayoutId id="2147483837" r:id="rId7"/>
    <p:sldLayoutId id="2147483838" r:id="rId8"/>
    <p:sldLayoutId id="2147483839" r:id="rId9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tabLst>
          <a:tab pos="11661775" algn="r"/>
        </a:tabLst>
        <a:defRPr sz="4400" u="sng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fdr4alt.org/" TargetMode="External"/><Relationship Id="rId3" Type="http://schemas.openxmlformats.org/officeDocument/2006/relationships/hyperlink" Target="http://hydroweb.theia-land.fr/?lang=en&amp;" TargetMode="External"/><Relationship Id="rId7" Type="http://schemas.openxmlformats.org/officeDocument/2006/relationships/hyperlink" Target="http://altimetry.esa.int/riverlake/shared/main.html" TargetMode="Externa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ipad.fas.usda.gov/cropexplorer/global_reservoir/" TargetMode="External"/><Relationship Id="rId5" Type="http://schemas.openxmlformats.org/officeDocument/2006/relationships/hyperlink" Target="https://dahiti.dgfi.tum.de/en/" TargetMode="External"/><Relationship Id="rId4" Type="http://schemas.openxmlformats.org/officeDocument/2006/relationships/hyperlink" Target="https://land.copernicus.eu/global/products/wl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notesSlide" Target="../notesSlides/notesSlide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e 4">
            <a:extLst>
              <a:ext uri="{FF2B5EF4-FFF2-40B4-BE49-F238E27FC236}">
                <a16:creationId xmlns:a16="http://schemas.microsoft.com/office/drawing/2014/main" id="{0480F926-8740-4816-945D-AFC2A7DE8D36}"/>
              </a:ext>
            </a:extLst>
          </p:cNvPr>
          <p:cNvGrpSpPr/>
          <p:nvPr/>
        </p:nvGrpSpPr>
        <p:grpSpPr>
          <a:xfrm>
            <a:off x="-105258" y="-11843"/>
            <a:ext cx="12297258" cy="6869843"/>
            <a:chOff x="-48344" y="0"/>
            <a:chExt cx="12297258" cy="7821488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F96CF035-3F58-44DF-B9D7-0E6E0EFE39B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-192"/>
            <a:stretch/>
          </p:blipFill>
          <p:spPr>
            <a:xfrm rot="5400000">
              <a:off x="2185256" y="-2233600"/>
              <a:ext cx="7821488" cy="12288688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F5F7044B-33A9-468B-8E96-26774ABCB3CF}"/>
                </a:ext>
              </a:extLst>
            </p:cNvPr>
            <p:cNvSpPr txBox="1"/>
            <p:nvPr/>
          </p:nvSpPr>
          <p:spPr>
            <a:xfrm>
              <a:off x="9326319" y="7466987"/>
              <a:ext cx="2922595" cy="2978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100" dirty="0">
                  <a:solidFill>
                    <a:schemeClr val="bg2"/>
                  </a:solidFill>
                </a:rPr>
                <a:t>Simone </a:t>
              </a:r>
              <a:r>
                <a:rPr lang="en-US" sz="1100" dirty="0" err="1">
                  <a:solidFill>
                    <a:schemeClr val="bg2"/>
                  </a:solidFill>
                </a:rPr>
                <a:t>Stuenzi</a:t>
              </a:r>
              <a:r>
                <a:rPr lang="en-US" sz="1100" dirty="0">
                  <a:solidFill>
                    <a:schemeClr val="bg2"/>
                  </a:solidFill>
                </a:rPr>
                <a:t> via </a:t>
              </a:r>
              <a:r>
                <a:rPr lang="en-US" sz="1100" dirty="0" err="1">
                  <a:solidFill>
                    <a:schemeClr val="bg2"/>
                  </a:solidFill>
                </a:rPr>
                <a:t>imaggeo</a:t>
              </a:r>
              <a:r>
                <a:rPr lang="en-US" sz="1100" dirty="0">
                  <a:solidFill>
                    <a:schemeClr val="bg2"/>
                  </a:solidFill>
                </a:rPr>
                <a:t>  CC-BY-SA3,0</a:t>
              </a:r>
              <a:endParaRPr lang="fr-FR" sz="1100" dirty="0">
                <a:solidFill>
                  <a:schemeClr val="bg2"/>
                </a:solidFill>
              </a:endParaRPr>
            </a:p>
          </p:txBody>
        </p:sp>
        <p:grpSp>
          <p:nvGrpSpPr>
            <p:cNvPr id="8" name="Groupe 7">
              <a:extLst>
                <a:ext uri="{FF2B5EF4-FFF2-40B4-BE49-F238E27FC236}">
                  <a16:creationId xmlns:a16="http://schemas.microsoft.com/office/drawing/2014/main" id="{956A8910-8BB6-40BD-8A8D-EE301BA61A9D}"/>
                </a:ext>
              </a:extLst>
            </p:cNvPr>
            <p:cNvGrpSpPr/>
            <p:nvPr/>
          </p:nvGrpSpPr>
          <p:grpSpPr>
            <a:xfrm>
              <a:off x="119336" y="7466987"/>
              <a:ext cx="813818" cy="276018"/>
              <a:chOff x="220980" y="6445457"/>
              <a:chExt cx="813818" cy="276018"/>
            </a:xfrm>
          </p:grpSpPr>
          <p:pic>
            <p:nvPicPr>
              <p:cNvPr id="9" name="Image 8">
                <a:extLst>
                  <a:ext uri="{FF2B5EF4-FFF2-40B4-BE49-F238E27FC236}">
                    <a16:creationId xmlns:a16="http://schemas.microsoft.com/office/drawing/2014/main" id="{324892AC-93A7-45B2-88F6-796605D91640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4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20980" y="6445457"/>
                <a:ext cx="813818" cy="152400"/>
              </a:xfrm>
              <a:prstGeom prst="rect">
                <a:avLst/>
              </a:prstGeom>
            </p:spPr>
          </p:pic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FFEA5F6B-257E-4C65-AF73-4DA59EDD2FAF}"/>
                  </a:ext>
                </a:extLst>
              </p:cNvPr>
              <p:cNvSpPr txBox="1"/>
              <p:nvPr userDrawn="1"/>
            </p:nvSpPr>
            <p:spPr>
              <a:xfrm>
                <a:off x="220980" y="6582976"/>
                <a:ext cx="813818" cy="1384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fr-FR" sz="900" b="1" dirty="0" err="1">
                    <a:solidFill>
                      <a:schemeClr val="bg1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Cnes</a:t>
                </a:r>
                <a:r>
                  <a:rPr lang="fr-FR" sz="900" b="1" dirty="0">
                    <a:solidFill>
                      <a:schemeClr val="bg1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/Aviso</a:t>
                </a:r>
              </a:p>
            </p:txBody>
          </p:sp>
        </p:grpSp>
      </p:grpSp>
      <p:sp>
        <p:nvSpPr>
          <p:cNvPr id="6146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Water Heights (altimetry):</a:t>
            </a:r>
            <a:br>
              <a:rPr lang="en-US" dirty="0">
                <a:solidFill>
                  <a:schemeClr val="bg1"/>
                </a:solidFill>
              </a:rPr>
            </a:br>
            <a:r>
              <a:rPr lang="en-US" dirty="0">
                <a:solidFill>
                  <a:schemeClr val="bg1"/>
                </a:solidFill>
              </a:rPr>
              <a:t>the satellites / sensors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347D51C8-0A18-45C0-AD19-13264613B77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yosat-2	</a:t>
            </a:r>
          </a:p>
        </p:txBody>
      </p:sp>
      <p:sp>
        <p:nvSpPr>
          <p:cNvPr id="19459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255675"/>
            <a:ext cx="7050467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 err="1"/>
              <a:t>Esa</a:t>
            </a:r>
            <a:endParaRPr lang="en-GB" sz="2400" dirty="0"/>
          </a:p>
          <a:p>
            <a:r>
              <a:rPr lang="en-GB" sz="2400" dirty="0"/>
              <a:t>Launched:	8 April 2010</a:t>
            </a:r>
          </a:p>
          <a:p>
            <a:r>
              <a:rPr lang="en-GB" sz="2400" dirty="0"/>
              <a:t>Mission:	To observe the polar regions   </a:t>
            </a:r>
          </a:p>
          <a:p>
            <a:r>
              <a:rPr lang="en-GB" sz="2400" dirty="0"/>
              <a:t>Altitude:	717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Interferometric altimeter (</a:t>
            </a:r>
            <a:r>
              <a:rPr lang="en-GB" sz="2000" dirty="0" err="1"/>
              <a:t>Siral</a:t>
            </a:r>
            <a:r>
              <a:rPr lang="en-GB" sz="2000" dirty="0"/>
              <a:t>)</a:t>
            </a:r>
            <a:br>
              <a:rPr lang="en-GB" sz="2000" dirty="0"/>
            </a:br>
            <a:r>
              <a:rPr lang="en-GB" sz="2000" dirty="0"/>
              <a:t>(delay-Doppler instrument (SAR-mode))</a:t>
            </a:r>
          </a:p>
          <a:p>
            <a:pPr lvl="1"/>
            <a:r>
              <a:rPr lang="en-GB" sz="2000" dirty="0"/>
              <a:t>	Orbit determination: Doris, laser (LRR)</a:t>
            </a:r>
          </a:p>
          <a:p>
            <a:pPr marL="0" indent="0">
              <a:buNone/>
            </a:pPr>
            <a:endParaRPr lang="en-GB" sz="2400" dirty="0"/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2° (non sun-synchronous) </a:t>
            </a:r>
          </a:p>
          <a:p>
            <a:pPr lvl="1"/>
            <a:r>
              <a:rPr lang="en-GB" sz="2000" dirty="0"/>
              <a:t>	Revisit frequency: 369 days (although every point on the globe observed in 30 days)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478DA90E-1085-4000-AD3D-F1B2582F2436}"/>
              </a:ext>
            </a:extLst>
          </p:cNvPr>
          <p:cNvGrpSpPr/>
          <p:nvPr/>
        </p:nvGrpSpPr>
        <p:grpSpPr>
          <a:xfrm>
            <a:off x="2639616" y="0"/>
            <a:ext cx="3024459" cy="1538639"/>
            <a:chOff x="2639616" y="0"/>
            <a:chExt cx="3024459" cy="1538639"/>
          </a:xfrm>
        </p:grpSpPr>
        <p:pic>
          <p:nvPicPr>
            <p:cNvPr id="19460" name="Picture 6" descr="Cryosat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639616" y="0"/>
              <a:ext cx="3024459" cy="15386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A45FDC12-D356-4C92-A52B-B9338C31B2DE}"/>
                </a:ext>
              </a:extLst>
            </p:cNvPr>
            <p:cNvSpPr txBox="1"/>
            <p:nvPr/>
          </p:nvSpPr>
          <p:spPr>
            <a:xfrm>
              <a:off x="2639616" y="1277029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6" name="Groupe 5">
            <a:extLst>
              <a:ext uri="{FF2B5EF4-FFF2-40B4-BE49-F238E27FC236}">
                <a16:creationId xmlns:a16="http://schemas.microsoft.com/office/drawing/2014/main" id="{AFF15319-8A9D-4AA6-A2C1-35460710F1AA}"/>
              </a:ext>
            </a:extLst>
          </p:cNvPr>
          <p:cNvGrpSpPr/>
          <p:nvPr/>
        </p:nvGrpSpPr>
        <p:grpSpPr>
          <a:xfrm>
            <a:off x="7221916" y="825947"/>
            <a:ext cx="4774821" cy="5130325"/>
            <a:chOff x="7221916" y="825947"/>
            <a:chExt cx="4774821" cy="5130325"/>
          </a:xfrm>
        </p:grpSpPr>
        <p:pic>
          <p:nvPicPr>
            <p:cNvPr id="4" name="Image 3">
              <a:extLst>
                <a:ext uri="{FF2B5EF4-FFF2-40B4-BE49-F238E27FC236}">
                  <a16:creationId xmlns:a16="http://schemas.microsoft.com/office/drawing/2014/main" id="{CBE4BC08-9F0C-4A55-A965-E7FBA1C7FD9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248128" y="825947"/>
              <a:ext cx="4748609" cy="5106031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DB5AA90D-E061-4FE7-8AAD-A00CFB194A73}"/>
                </a:ext>
              </a:extLst>
            </p:cNvPr>
            <p:cNvSpPr txBox="1"/>
            <p:nvPr/>
          </p:nvSpPr>
          <p:spPr>
            <a:xfrm>
              <a:off x="7221916" y="569466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Saral</a:t>
            </a:r>
            <a:r>
              <a:rPr lang="en-GB" dirty="0"/>
              <a:t>	</a:t>
            </a:r>
          </a:p>
        </p:txBody>
      </p:sp>
      <p:sp>
        <p:nvSpPr>
          <p:cNvPr id="21507" name="Rectangle 3"/>
          <p:cNvSpPr>
            <a:spLocks noGrp="1" noChangeArrowheads="1"/>
          </p:cNvSpPr>
          <p:nvPr>
            <p:ph idx="1"/>
          </p:nvPr>
        </p:nvSpPr>
        <p:spPr>
          <a:xfrm>
            <a:off x="171450" y="1294293"/>
            <a:ext cx="5780534" cy="494458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400" dirty="0"/>
              <a:t>Cnes/</a:t>
            </a:r>
            <a:r>
              <a:rPr lang="en-GB" sz="2400" dirty="0" err="1"/>
              <a:t>Isro</a:t>
            </a:r>
            <a:endParaRPr lang="en-GB" sz="2400" dirty="0"/>
          </a:p>
          <a:p>
            <a:r>
              <a:rPr lang="en-GB" sz="2400" dirty="0"/>
              <a:t>Launch: 	25 February 2013</a:t>
            </a:r>
          </a:p>
          <a:p>
            <a:r>
              <a:rPr lang="en-GB" sz="2400" dirty="0"/>
              <a:t>Mission:	To observe the oceans</a:t>
            </a:r>
          </a:p>
          <a:p>
            <a:r>
              <a:rPr lang="en-GB" sz="2400" dirty="0"/>
              <a:t>Altitude:	800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Altimeter-radiometer </a:t>
            </a:r>
            <a:r>
              <a:rPr lang="en-GB" sz="2000" dirty="0" err="1"/>
              <a:t>AltiKa</a:t>
            </a:r>
            <a:endParaRPr lang="en-GB" sz="2000" dirty="0"/>
          </a:p>
          <a:p>
            <a:pPr lvl="1"/>
            <a:r>
              <a:rPr lang="en-GB" sz="2000" dirty="0"/>
              <a:t>Orbit determination: laser (LRA), Doris </a:t>
            </a:r>
            <a:br>
              <a:rPr lang="en-GB" sz="2000" dirty="0"/>
            </a:br>
            <a:r>
              <a:rPr lang="en-GB" sz="2000" dirty="0"/>
              <a:t>(+ Argos3 instrument)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1600" dirty="0"/>
              <a:t>	</a:t>
            </a:r>
            <a:r>
              <a:rPr lang="en-GB" sz="2000" dirty="0"/>
              <a:t>Inclination : 98.5 ° (sun-synchronous)</a:t>
            </a:r>
          </a:p>
          <a:p>
            <a:pPr lvl="1"/>
            <a:r>
              <a:rPr lang="en-GB" sz="2000" dirty="0"/>
              <a:t>	Revisit frequency: 35 days</a:t>
            </a:r>
          </a:p>
          <a:p>
            <a:pPr lvl="1"/>
            <a:r>
              <a:rPr lang="en-GB" sz="2000" dirty="0"/>
              <a:t>	Inter-track distance at the equator: 80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075EC462-D695-45DD-9AF6-B9BD896F4658}"/>
              </a:ext>
            </a:extLst>
          </p:cNvPr>
          <p:cNvGrpSpPr/>
          <p:nvPr/>
        </p:nvGrpSpPr>
        <p:grpSpPr>
          <a:xfrm>
            <a:off x="6600056" y="706438"/>
            <a:ext cx="5440684" cy="6003489"/>
            <a:chOff x="6600056" y="706438"/>
            <a:chExt cx="5440684" cy="6003489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86083DB6-5CAA-46E1-9C97-BA772E063EE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00056" y="706438"/>
              <a:ext cx="5440684" cy="5995856"/>
            </a:xfrm>
            <a:prstGeom prst="rect">
              <a:avLst/>
            </a:prstGeom>
          </p:spPr>
        </p:pic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D22500A5-E9AE-47B6-9DBF-E40CE91B9799}"/>
                </a:ext>
              </a:extLst>
            </p:cNvPr>
            <p:cNvSpPr txBox="1"/>
            <p:nvPr/>
          </p:nvSpPr>
          <p:spPr>
            <a:xfrm>
              <a:off x="6677000" y="6448317"/>
              <a:ext cx="1683474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Cnes/Mira Production</a:t>
              </a:r>
            </a:p>
          </p:txBody>
        </p:sp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33ECC0C6-AD58-4E48-9A74-17E676F0F07F}"/>
              </a:ext>
            </a:extLst>
          </p:cNvPr>
          <p:cNvGrpSpPr/>
          <p:nvPr/>
        </p:nvGrpSpPr>
        <p:grpSpPr>
          <a:xfrm>
            <a:off x="1753136" y="-4068"/>
            <a:ext cx="1901952" cy="1712976"/>
            <a:chOff x="1753136" y="-4068"/>
            <a:chExt cx="1901952" cy="1712976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C63F3C98-7CC8-426D-8B7C-26970216000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753136" y="-4068"/>
              <a:ext cx="1901952" cy="1712976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0A27BDD6-B9C5-4F3A-96A6-FF1938A690E0}"/>
                </a:ext>
              </a:extLst>
            </p:cNvPr>
            <p:cNvSpPr txBox="1"/>
            <p:nvPr/>
          </p:nvSpPr>
          <p:spPr>
            <a:xfrm>
              <a:off x="2375336" y="1314385"/>
              <a:ext cx="6575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>
                      <a:lumMod val="75000"/>
                    </a:schemeClr>
                  </a:solidFill>
                </a:rPr>
                <a:t>© Cnes</a:t>
              </a:r>
            </a:p>
          </p:txBody>
        </p:sp>
      </p:grp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Jason-3	</a:t>
            </a:r>
          </a:p>
        </p:txBody>
      </p:sp>
      <p:grpSp>
        <p:nvGrpSpPr>
          <p:cNvPr id="4" name="Groupe 3">
            <a:extLst>
              <a:ext uri="{FF2B5EF4-FFF2-40B4-BE49-F238E27FC236}">
                <a16:creationId xmlns:a16="http://schemas.microsoft.com/office/drawing/2014/main" id="{6CB478BF-547B-45DC-98A4-62FC430DEE61}"/>
              </a:ext>
            </a:extLst>
          </p:cNvPr>
          <p:cNvGrpSpPr/>
          <p:nvPr/>
        </p:nvGrpSpPr>
        <p:grpSpPr>
          <a:xfrm>
            <a:off x="2423592" y="-11104"/>
            <a:ext cx="2690541" cy="1723381"/>
            <a:chOff x="2423592" y="-11104"/>
            <a:chExt cx="2690541" cy="1723381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01A52FC8-08AE-41F2-8CCE-51E1635EC37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67608" y="-11104"/>
              <a:ext cx="2546525" cy="1723381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6BB67A99-E184-43CB-8532-7706C45F204C}"/>
                </a:ext>
              </a:extLst>
            </p:cNvPr>
            <p:cNvSpPr txBox="1"/>
            <p:nvPr/>
          </p:nvSpPr>
          <p:spPr>
            <a:xfrm>
              <a:off x="2423592" y="107915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sp>
        <p:nvSpPr>
          <p:cNvPr id="23555" name="Rectangle 3"/>
          <p:cNvSpPr>
            <a:spLocks noGrp="1" noChangeArrowheads="1"/>
          </p:cNvSpPr>
          <p:nvPr>
            <p:ph idx="1"/>
          </p:nvPr>
        </p:nvSpPr>
        <p:spPr>
          <a:xfrm>
            <a:off x="-24680" y="1340767"/>
            <a:ext cx="11877675" cy="489810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sz="2400" dirty="0" err="1"/>
              <a:t>Eumetsat</a:t>
            </a:r>
            <a:r>
              <a:rPr lang="en-GB" sz="2400" dirty="0"/>
              <a:t>/</a:t>
            </a:r>
            <a:r>
              <a:rPr lang="en-GB" sz="2400" dirty="0" err="1"/>
              <a:t>Noaa</a:t>
            </a:r>
            <a:r>
              <a:rPr lang="en-GB" sz="2400" dirty="0"/>
              <a:t>/Cnes/Nasa</a:t>
            </a:r>
          </a:p>
          <a:p>
            <a:r>
              <a:rPr lang="en-GB" sz="2400" dirty="0"/>
              <a:t>Launch: 	17 January 2016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Poseidon-3B)</a:t>
            </a:r>
          </a:p>
          <a:p>
            <a:pPr lvl="1"/>
            <a:r>
              <a:rPr lang="en-GB" sz="2000" dirty="0"/>
              <a:t>	3-frequency radiometer</a:t>
            </a:r>
          </a:p>
          <a:p>
            <a:pPr lvl="1"/>
            <a:r>
              <a:rPr lang="en-GB" sz="2000" dirty="0"/>
              <a:t>	Orbit determination: laser , Doris, GP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 </a:t>
            </a:r>
          </a:p>
          <a:p>
            <a:endParaRPr lang="fr-FR" sz="2400" dirty="0"/>
          </a:p>
        </p:txBody>
      </p:sp>
      <p:grpSp>
        <p:nvGrpSpPr>
          <p:cNvPr id="8" name="Groupe 7">
            <a:extLst>
              <a:ext uri="{FF2B5EF4-FFF2-40B4-BE49-F238E27FC236}">
                <a16:creationId xmlns:a16="http://schemas.microsoft.com/office/drawing/2014/main" id="{BB041D92-5B4E-4632-A081-7D6B14BAC0B1}"/>
              </a:ext>
            </a:extLst>
          </p:cNvPr>
          <p:cNvGrpSpPr/>
          <p:nvPr/>
        </p:nvGrpSpPr>
        <p:grpSpPr>
          <a:xfrm>
            <a:off x="6447889" y="1079157"/>
            <a:ext cx="5517233" cy="5552132"/>
            <a:chOff x="6447889" y="1079157"/>
            <a:chExt cx="5517233" cy="5552132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48F0F003-88F4-421A-BF3F-94A301CE08D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7889" y="1079157"/>
              <a:ext cx="5517233" cy="5517233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A5A30EF8-32D8-4388-B1B1-2C5DF0B47FD8}"/>
                </a:ext>
              </a:extLst>
            </p:cNvPr>
            <p:cNvSpPr txBox="1"/>
            <p:nvPr/>
          </p:nvSpPr>
          <p:spPr>
            <a:xfrm>
              <a:off x="6447889" y="6369679"/>
              <a:ext cx="939681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Nasa/JPL</a:t>
              </a:r>
            </a:p>
          </p:txBody>
        </p:sp>
      </p:grp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entinel-3	</a:t>
            </a:r>
          </a:p>
        </p:txBody>
      </p:sp>
      <p:sp>
        <p:nvSpPr>
          <p:cNvPr id="22531" name="Espace réservé du contenu 28"/>
          <p:cNvSpPr>
            <a:spLocks noGrp="1"/>
          </p:cNvSpPr>
          <p:nvPr>
            <p:ph idx="1"/>
          </p:nvPr>
        </p:nvSpPr>
        <p:spPr>
          <a:xfrm>
            <a:off x="191344" y="827112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European Union</a:t>
            </a:r>
          </a:p>
          <a:p>
            <a:r>
              <a:rPr lang="en-GB" sz="2400" dirty="0"/>
              <a:t>Launch: 	Sentinel-3A  18 February 2016; </a:t>
            </a:r>
          </a:p>
          <a:p>
            <a:r>
              <a:rPr lang="en-GB" sz="2400" dirty="0"/>
              <a:t>		Sentinel-3B 25 April 2018</a:t>
            </a:r>
            <a:br>
              <a:rPr lang="en-GB" sz="2400" dirty="0"/>
            </a:br>
            <a:r>
              <a:rPr lang="en-GB" sz="2400" dirty="0"/>
              <a:t>	(coming: C&amp;D)</a:t>
            </a:r>
          </a:p>
          <a:p>
            <a:r>
              <a:rPr lang="en-GB" sz="2400" dirty="0"/>
              <a:t>Mission:	deliver routine operational services to policy-makers </a:t>
            </a:r>
            <a:br>
              <a:rPr lang="en-GB" sz="2400" dirty="0"/>
            </a:br>
            <a:r>
              <a:rPr lang="en-GB" sz="2400" dirty="0"/>
              <a:t>	and marine and land service users</a:t>
            </a:r>
          </a:p>
          <a:p>
            <a:r>
              <a:rPr lang="en-GB" sz="2400" dirty="0"/>
              <a:t>Altitude:	814.5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Altimeter (</a:t>
            </a:r>
            <a:r>
              <a:rPr lang="en-GB" sz="2000" dirty="0" err="1"/>
              <a:t>Sral</a:t>
            </a:r>
            <a:r>
              <a:rPr lang="en-GB" sz="2000" dirty="0"/>
              <a:t>) C/Ku band follow-on </a:t>
            </a:r>
            <a:r>
              <a:rPr lang="en-GB" sz="2000" dirty="0" err="1"/>
              <a:t>Cryosat</a:t>
            </a:r>
            <a:r>
              <a:rPr lang="en-GB" sz="2000" dirty="0"/>
              <a:t> </a:t>
            </a:r>
            <a:br>
              <a:rPr lang="en-GB" sz="2000" dirty="0"/>
            </a:br>
            <a:r>
              <a:rPr lang="en-GB" sz="2000" dirty="0" err="1"/>
              <a:t>Siral</a:t>
            </a:r>
            <a:r>
              <a:rPr lang="en-GB" sz="2000" dirty="0"/>
              <a:t> (delay-Doppler instrument)</a:t>
            </a:r>
          </a:p>
          <a:p>
            <a:pPr lvl="1"/>
            <a:r>
              <a:rPr lang="en-GB" sz="2000" dirty="0"/>
              <a:t>	Radiometer (dual-frequency)</a:t>
            </a:r>
          </a:p>
          <a:p>
            <a:pPr lvl="1"/>
            <a:r>
              <a:rPr lang="en-GB" sz="2000" dirty="0"/>
              <a:t>	Orbit determination : </a:t>
            </a:r>
            <a:br>
              <a:rPr lang="en-GB" sz="2000" dirty="0"/>
            </a:br>
            <a:r>
              <a:rPr lang="en-GB" sz="2000" dirty="0"/>
              <a:t>laser (LRR) , Doris, GNSS	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8.65° (sun-synchronous) </a:t>
            </a:r>
          </a:p>
          <a:p>
            <a:pPr lvl="1"/>
            <a:r>
              <a:rPr lang="en-GB" sz="2000" dirty="0"/>
              <a:t>	Revisit frequency: 27  days</a:t>
            </a:r>
            <a:endParaRPr lang="fr-FR" sz="2000" dirty="0"/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6DDDCD47-8B68-4AA6-AEBA-F0E67DF2D741}"/>
              </a:ext>
            </a:extLst>
          </p:cNvPr>
          <p:cNvGrpSpPr/>
          <p:nvPr/>
        </p:nvGrpSpPr>
        <p:grpSpPr>
          <a:xfrm>
            <a:off x="5775259" y="2852936"/>
            <a:ext cx="6335839" cy="3686410"/>
            <a:chOff x="5775259" y="2852936"/>
            <a:chExt cx="6335839" cy="3686410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F587C5CD-D8C9-4E20-A2A4-EDAE2DFEBC6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810688" y="2852936"/>
              <a:ext cx="6300410" cy="3686410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0193A97C-A744-4C24-A3FE-222A530F8338}"/>
                </a:ext>
              </a:extLst>
            </p:cNvPr>
            <p:cNvSpPr txBox="1"/>
            <p:nvPr/>
          </p:nvSpPr>
          <p:spPr>
            <a:xfrm>
              <a:off x="5775259" y="6277736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5218324F-A2C6-421D-813D-C104A67DD341}"/>
              </a:ext>
            </a:extLst>
          </p:cNvPr>
          <p:cNvGrpSpPr/>
          <p:nvPr/>
        </p:nvGrpSpPr>
        <p:grpSpPr>
          <a:xfrm>
            <a:off x="2770683" y="4067"/>
            <a:ext cx="3004576" cy="1503686"/>
            <a:chOff x="2770683" y="4067"/>
            <a:chExt cx="3004576" cy="1503686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95225C66-D356-4141-9FE2-B06AC31670D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70683" y="4067"/>
              <a:ext cx="3004576" cy="1374434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52E80A82-6A4A-45A5-8A91-8BEB3D5E5204}"/>
                </a:ext>
              </a:extLst>
            </p:cNvPr>
            <p:cNvSpPr txBox="1"/>
            <p:nvPr/>
          </p:nvSpPr>
          <p:spPr>
            <a:xfrm>
              <a:off x="5204269" y="1246143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entinel-6 (Jason-CS)	</a:t>
            </a:r>
          </a:p>
        </p:txBody>
      </p:sp>
      <p:sp>
        <p:nvSpPr>
          <p:cNvPr id="25604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173291"/>
            <a:ext cx="7364711" cy="5065583"/>
          </a:xfrm>
        </p:spPr>
        <p:txBody>
          <a:bodyPr/>
          <a:lstStyle/>
          <a:p>
            <a:pPr marL="0" indent="0">
              <a:buNone/>
            </a:pPr>
            <a:r>
              <a:rPr lang="en-GB" sz="2400" dirty="0" err="1"/>
              <a:t>Esa</a:t>
            </a:r>
            <a:r>
              <a:rPr lang="en-GB" sz="2400" dirty="0"/>
              <a:t>/</a:t>
            </a:r>
            <a:r>
              <a:rPr lang="en-GB" sz="2400" dirty="0" err="1"/>
              <a:t>Eumetsat</a:t>
            </a:r>
            <a:r>
              <a:rPr lang="en-GB" sz="2400" dirty="0"/>
              <a:t>/EU/</a:t>
            </a:r>
            <a:r>
              <a:rPr lang="en-GB" sz="2400" dirty="0" err="1"/>
              <a:t>Noaa</a:t>
            </a:r>
            <a:r>
              <a:rPr lang="en-GB" sz="2400" dirty="0"/>
              <a:t>/Cnes/Nasa</a:t>
            </a:r>
          </a:p>
          <a:p>
            <a:r>
              <a:rPr lang="en-GB" sz="2400" dirty="0"/>
              <a:t>Launch: 	Nov. 2020 (A / Michael </a:t>
            </a:r>
            <a:r>
              <a:rPr lang="en-GB" sz="2400" dirty="0" err="1"/>
              <a:t>Freilich</a:t>
            </a:r>
            <a:r>
              <a:rPr lang="en-GB" sz="2400" dirty="0"/>
              <a:t>) &amp; 2025 (B)</a:t>
            </a:r>
          </a:p>
          <a:p>
            <a:r>
              <a:rPr lang="en-GB" sz="2400" dirty="0"/>
              <a:t>Mission:	 To measure the height of the oceans, continuing the T/P-Jason serie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SRAL-based “Poseidon-4” altimeter</a:t>
            </a:r>
            <a:br>
              <a:rPr lang="en-GB" sz="2000" dirty="0"/>
            </a:br>
            <a:r>
              <a:rPr lang="en-GB" sz="2000" dirty="0"/>
              <a:t>	(delay-Doppler instrument)</a:t>
            </a:r>
          </a:p>
          <a:p>
            <a:pPr lvl="1"/>
            <a:r>
              <a:rPr lang="en-GB" sz="2000" dirty="0"/>
              <a:t>	radiometer</a:t>
            </a:r>
          </a:p>
          <a:p>
            <a:pPr lvl="1"/>
            <a:r>
              <a:rPr lang="en-GB" sz="2000" dirty="0"/>
              <a:t>	Orbit determination: Doris, laser, GNSS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  <a:endParaRPr lang="en-GB" dirty="0"/>
          </a:p>
          <a:p>
            <a:endParaRPr lang="en-GB" dirty="0"/>
          </a:p>
        </p:txBody>
      </p:sp>
      <p:pic>
        <p:nvPicPr>
          <p:cNvPr id="5" name="Picture 5">
            <a:extLst>
              <a:ext uri="{FF2B5EF4-FFF2-40B4-BE49-F238E27FC236}">
                <a16:creationId xmlns:a16="http://schemas.microsoft.com/office/drawing/2014/main" id="{F3997183-9F86-48C8-816A-06F8E88D4B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15880" y="0"/>
            <a:ext cx="2628354" cy="15572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6" name="Groupe 5">
            <a:extLst>
              <a:ext uri="{FF2B5EF4-FFF2-40B4-BE49-F238E27FC236}">
                <a16:creationId xmlns:a16="http://schemas.microsoft.com/office/drawing/2014/main" id="{1830FA92-C5E7-4214-977B-C8E2872BD2F2}"/>
              </a:ext>
            </a:extLst>
          </p:cNvPr>
          <p:cNvGrpSpPr/>
          <p:nvPr/>
        </p:nvGrpSpPr>
        <p:grpSpPr>
          <a:xfrm>
            <a:off x="7558794" y="1141893"/>
            <a:ext cx="4575771" cy="5684708"/>
            <a:chOff x="7616229" y="1173292"/>
            <a:chExt cx="4575771" cy="5684708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59F054F6-82E3-44A7-8F0C-D2E66878279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644234" y="1173292"/>
              <a:ext cx="4547766" cy="5684708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D3C88613-FBE4-40F3-BC4C-BF59E130FD80}"/>
                </a:ext>
              </a:extLst>
            </p:cNvPr>
            <p:cNvSpPr txBox="1"/>
            <p:nvPr/>
          </p:nvSpPr>
          <p:spPr>
            <a:xfrm>
              <a:off x="7616229" y="6583492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wot	</a:t>
            </a:r>
          </a:p>
        </p:txBody>
      </p:sp>
      <p:sp>
        <p:nvSpPr>
          <p:cNvPr id="2662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Nasa/Cnes/CSA/UKSA</a:t>
            </a:r>
          </a:p>
          <a:p>
            <a:r>
              <a:rPr lang="en-GB" sz="2400" dirty="0"/>
              <a:t>Launch:</a:t>
            </a:r>
            <a:r>
              <a:rPr lang="en-GB" sz="2400"/>
              <a:t>	December 16, </a:t>
            </a:r>
            <a:r>
              <a:rPr lang="en-GB" sz="2400" dirty="0"/>
              <a:t>2022</a:t>
            </a:r>
          </a:p>
          <a:p>
            <a:r>
              <a:rPr lang="en-GB" sz="2400" dirty="0"/>
              <a:t>Mission:	better understanding of the world's oceans</a:t>
            </a:r>
          </a:p>
          <a:p>
            <a:pPr marL="0" indent="0">
              <a:buNone/>
            </a:pPr>
            <a:r>
              <a:rPr lang="en-GB" sz="2400" dirty="0"/>
              <a:t>		and its terrestrial surface waters.</a:t>
            </a:r>
          </a:p>
          <a:p>
            <a:r>
              <a:rPr lang="en-GB" sz="2400" dirty="0"/>
              <a:t>Altitude:	 890 km 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Interferometric altimeter (</a:t>
            </a:r>
            <a:r>
              <a:rPr lang="en-GB" sz="2000" dirty="0" err="1"/>
              <a:t>KaRIN</a:t>
            </a:r>
            <a:r>
              <a:rPr lang="en-GB" sz="2000" dirty="0"/>
              <a:t>)</a:t>
            </a:r>
          </a:p>
          <a:p>
            <a:pPr lvl="1"/>
            <a:r>
              <a:rPr lang="en-GB" sz="2000" dirty="0"/>
              <a:t>	Nadir dual-frequency altimeter (Poseidon-3)</a:t>
            </a:r>
          </a:p>
          <a:p>
            <a:pPr lvl="1"/>
            <a:r>
              <a:rPr lang="en-GB" sz="2000" dirty="0"/>
              <a:t>	3-frequency radiometer </a:t>
            </a:r>
          </a:p>
          <a:p>
            <a:pPr lvl="1"/>
            <a:r>
              <a:rPr lang="en-GB" sz="2000" dirty="0"/>
              <a:t>	Orbit determination: Doris, laser, GP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77.6 °(non sun-synchronous) </a:t>
            </a:r>
          </a:p>
          <a:p>
            <a:pPr lvl="1"/>
            <a:r>
              <a:rPr lang="en-GB" sz="2000" dirty="0"/>
              <a:t>	Revisit frequency: ~21 days (20.86455 days)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E5B3837C-9569-4173-A660-DBE8EB121B0B}"/>
              </a:ext>
            </a:extLst>
          </p:cNvPr>
          <p:cNvGrpSpPr/>
          <p:nvPr/>
        </p:nvGrpSpPr>
        <p:grpSpPr>
          <a:xfrm>
            <a:off x="3287688" y="0"/>
            <a:ext cx="2321074" cy="1324711"/>
            <a:chOff x="3287688" y="0"/>
            <a:chExt cx="2321074" cy="1324711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61D2950E-748B-4053-B0D5-939F6D4F985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287688" y="0"/>
              <a:ext cx="2321074" cy="1324711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72C7C383-C122-49C5-B773-B68EBCE39701}"/>
                </a:ext>
              </a:extLst>
            </p:cNvPr>
            <p:cNvSpPr txBox="1"/>
            <p:nvPr/>
          </p:nvSpPr>
          <p:spPr>
            <a:xfrm>
              <a:off x="4007768" y="1006115"/>
              <a:ext cx="15424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000" dirty="0">
                  <a:solidFill>
                    <a:schemeClr val="bg2">
                      <a:lumMod val="75000"/>
                    </a:schemeClr>
                  </a:solidFill>
                </a:rPr>
                <a:t>© Cnes/Mira Production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072DE717-0B9A-486A-ADC5-28426C4CB489}"/>
              </a:ext>
            </a:extLst>
          </p:cNvPr>
          <p:cNvGrpSpPr/>
          <p:nvPr/>
        </p:nvGrpSpPr>
        <p:grpSpPr>
          <a:xfrm>
            <a:off x="6647667" y="2237432"/>
            <a:ext cx="5455333" cy="4149080"/>
            <a:chOff x="6647667" y="2237432"/>
            <a:chExt cx="5455333" cy="4149080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865F34F3-78FE-4363-85D6-04ABE11F664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47667" y="2237432"/>
              <a:ext cx="5455333" cy="4149080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C3A33E59-B206-4D59-876B-64215E03AD15}"/>
                </a:ext>
              </a:extLst>
            </p:cNvPr>
            <p:cNvSpPr txBox="1"/>
            <p:nvPr/>
          </p:nvSpPr>
          <p:spPr>
            <a:xfrm>
              <a:off x="6647667" y="6124902"/>
              <a:ext cx="60305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TAS</a:t>
              </a:r>
            </a:p>
          </p:txBody>
        </p:sp>
      </p:grpSp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DDD38B6-71A5-411B-B19C-F6CE34D636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ta access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2D488E76-EACF-43C3-B332-176D500681D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Hydroweb</a:t>
            </a:r>
            <a:br>
              <a:rPr lang="en-US" dirty="0"/>
            </a:br>
            <a:r>
              <a:rPr lang="en-US" dirty="0">
                <a:hlinkClick r:id="rId3"/>
              </a:rPr>
              <a:t>http://hydroweb.theia-land.fr/?lang=en&amp;</a:t>
            </a:r>
            <a:r>
              <a:rPr lang="en-US" dirty="0"/>
              <a:t> </a:t>
            </a:r>
          </a:p>
          <a:p>
            <a:r>
              <a:rPr lang="en-US" dirty="0"/>
              <a:t>Copernicus Global Land  </a:t>
            </a:r>
            <a:br>
              <a:rPr lang="en-US" dirty="0"/>
            </a:br>
            <a:r>
              <a:rPr lang="en-US" dirty="0">
                <a:hlinkClick r:id="rId4"/>
              </a:rPr>
              <a:t>https://land.copernicus.eu/global/products/wl</a:t>
            </a:r>
            <a:r>
              <a:rPr lang="en-US" dirty="0"/>
              <a:t> </a:t>
            </a:r>
          </a:p>
          <a:p>
            <a:r>
              <a:rPr lang="en-US" dirty="0"/>
              <a:t>Database for Hydrological Time Series of Inland Waters (DAHITI)</a:t>
            </a:r>
            <a:br>
              <a:rPr lang="en-US" dirty="0"/>
            </a:br>
            <a:r>
              <a:rPr lang="en-US" dirty="0">
                <a:hlinkClick r:id="rId5"/>
              </a:rPr>
              <a:t>https://dahiti.dgfi.tum.de/en/</a:t>
            </a:r>
            <a:endParaRPr lang="en-US" dirty="0"/>
          </a:p>
          <a:p>
            <a:r>
              <a:rPr lang="en-US" dirty="0"/>
              <a:t>Global Reservoirs and Lakes Monitor (G-REALM)</a:t>
            </a:r>
            <a:br>
              <a:rPr lang="en-US" dirty="0"/>
            </a:br>
            <a:r>
              <a:rPr lang="en-US" dirty="0">
                <a:hlinkClick r:id="rId6"/>
              </a:rPr>
              <a:t>https://ipad.fas.usda.gov/cropexplorer/global_reservoir/</a:t>
            </a:r>
            <a:endParaRPr lang="en-US" dirty="0"/>
          </a:p>
          <a:p>
            <a:r>
              <a:rPr lang="en-US" dirty="0"/>
              <a:t>Rivers &amp; Lakes (no longer updated) :</a:t>
            </a:r>
            <a:br>
              <a:rPr lang="en-US" dirty="0"/>
            </a:br>
            <a:r>
              <a:rPr lang="en-US" dirty="0">
                <a:hlinkClick r:id="rId7"/>
              </a:rPr>
              <a:t>http://altimetry.esa.int/riverlake/shared/main.html</a:t>
            </a:r>
            <a:r>
              <a:rPr lang="en-US" dirty="0"/>
              <a:t> </a:t>
            </a:r>
          </a:p>
          <a:p>
            <a:r>
              <a:rPr lang="en-US" dirty="0"/>
              <a:t>FDR4Alt: new processing being fine-tuned</a:t>
            </a:r>
            <a:br>
              <a:rPr lang="en-US" dirty="0"/>
            </a:br>
            <a:r>
              <a:rPr lang="en-US" dirty="0">
                <a:hlinkClick r:id="rId8"/>
              </a:rPr>
              <a:t>https://www.fdr4alt.org/</a:t>
            </a:r>
            <a:r>
              <a:rPr lang="en-US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1492265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e 7">
            <a:extLst>
              <a:ext uri="{FF2B5EF4-FFF2-40B4-BE49-F238E27FC236}">
                <a16:creationId xmlns:a16="http://schemas.microsoft.com/office/drawing/2014/main" id="{6E7DAEED-FD3A-430C-A036-E3DD6ECBE109}"/>
              </a:ext>
            </a:extLst>
          </p:cNvPr>
          <p:cNvGrpSpPr/>
          <p:nvPr/>
        </p:nvGrpSpPr>
        <p:grpSpPr>
          <a:xfrm>
            <a:off x="-3576" y="0"/>
            <a:ext cx="12197010" cy="6866662"/>
            <a:chOff x="-3576" y="0"/>
            <a:chExt cx="12197010" cy="6866662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D12CFCDE-D949-425E-966A-871FCA669EE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0" y="0"/>
              <a:ext cx="12193434" cy="6858000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4B7636A5-671A-4507-B963-FC7A420E8607}"/>
                </a:ext>
              </a:extLst>
            </p:cNvPr>
            <p:cNvSpPr txBox="1"/>
            <p:nvPr/>
          </p:nvSpPr>
          <p:spPr>
            <a:xfrm>
              <a:off x="-3576" y="6605052"/>
              <a:ext cx="4565673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100" dirty="0">
                  <a:solidFill>
                    <a:schemeClr val="bg2"/>
                  </a:solidFill>
                </a:rPr>
                <a:t>Background photo Dan </a:t>
              </a:r>
              <a:r>
                <a:rPr lang="en-US" sz="1100" dirty="0" err="1">
                  <a:solidFill>
                    <a:schemeClr val="bg2"/>
                  </a:solidFill>
                </a:rPr>
                <a:t>Roizer</a:t>
              </a:r>
              <a:r>
                <a:rPr lang="en-US" sz="1100" dirty="0">
                  <a:solidFill>
                    <a:schemeClr val="bg2"/>
                  </a:solidFill>
                </a:rPr>
                <a:t> for </a:t>
              </a:r>
              <a:r>
                <a:rPr lang="en-US" sz="1100" dirty="0" err="1">
                  <a:solidFill>
                    <a:schemeClr val="bg2"/>
                  </a:solidFill>
                </a:rPr>
                <a:t>Unsplash</a:t>
              </a:r>
              <a:r>
                <a:rPr lang="en-US" sz="1100" dirty="0">
                  <a:solidFill>
                    <a:schemeClr val="bg2"/>
                  </a:solidFill>
                </a:rPr>
                <a:t>, satellites Cnes/D. </a:t>
              </a:r>
              <a:r>
                <a:rPr lang="en-US" sz="1100" dirty="0" err="1">
                  <a:solidFill>
                    <a:schemeClr val="bg2"/>
                  </a:solidFill>
                </a:rPr>
                <a:t>Ducros</a:t>
              </a:r>
              <a:endParaRPr lang="fr-FR" sz="1100" dirty="0">
                <a:solidFill>
                  <a:schemeClr val="bg2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872698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97" name="OTLSHAPE_T_f98ee9d0e303429a8b73596b9f95407e_HorizontalConnector1">
            <a:extLst>
              <a:ext uri="{FF2B5EF4-FFF2-40B4-BE49-F238E27FC236}">
                <a16:creationId xmlns:a16="http://schemas.microsoft.com/office/drawing/2014/main" id="{B496102D-8E39-4B70-B40A-D91466CE420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781037" y="5175603"/>
            <a:ext cx="69219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d82c20d902c540f7af38d2e89d147184_HorizontalConnector1">
            <a:extLst>
              <a:ext uri="{FF2B5EF4-FFF2-40B4-BE49-F238E27FC236}">
                <a16:creationId xmlns:a16="http://schemas.microsoft.com/office/drawing/2014/main" id="{7BC8DFD9-5C84-4652-9416-50F21112B5B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274944" y="4802054"/>
            <a:ext cx="83358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540020eeff4144c0adb88cb80c6329e2_HorizontalConnector1">
            <a:extLst>
              <a:ext uri="{FF2B5EF4-FFF2-40B4-BE49-F238E27FC236}">
                <a16:creationId xmlns:a16="http://schemas.microsoft.com/office/drawing/2014/main" id="{B3EE6587-23F9-4E48-9CB9-24B65CD9B5E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60847" y="4481929"/>
            <a:ext cx="78579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T_bfc5800c10984f0a945f0021608a1f3f_HorizontalConnector1">
            <a:extLst>
              <a:ext uri="{FF2B5EF4-FFF2-40B4-BE49-F238E27FC236}">
                <a16:creationId xmlns:a16="http://schemas.microsoft.com/office/drawing/2014/main" id="{0B4C784F-A6CF-4D50-AC23-15AF2D26327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54404" y="4215229"/>
            <a:ext cx="74271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" name="OTLSHAPE_T_5ef29ca6f6f046d494d22ad4a7c150ed_HorizontalConnector1">
            <a:extLst>
              <a:ext uri="{FF2B5EF4-FFF2-40B4-BE49-F238E27FC236}">
                <a16:creationId xmlns:a16="http://schemas.microsoft.com/office/drawing/2014/main" id="{4C519DA0-2299-4BF0-A404-18B015AF1DD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20872" y="3948529"/>
            <a:ext cx="56531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T_60581b38ba664cbaaa7fe80c6d17e898_HorizontalConnector1">
            <a:extLst>
              <a:ext uri="{FF2B5EF4-FFF2-40B4-BE49-F238E27FC236}">
                <a16:creationId xmlns:a16="http://schemas.microsoft.com/office/drawing/2014/main" id="{99FFE817-7432-4938-A4AD-22DBFFEA596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265207" y="3681829"/>
            <a:ext cx="65626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T_0ee05b6b36ba410e91cdd92644ad1d32_HorizontalConnector1">
            <a:extLst>
              <a:ext uri="{FF2B5EF4-FFF2-40B4-BE49-F238E27FC236}">
                <a16:creationId xmlns:a16="http://schemas.microsoft.com/office/drawing/2014/main" id="{FA8E1005-9F85-4DB0-ACC0-405413E9D70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71558" y="3415129"/>
            <a:ext cx="60353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6" name="OTLSHAPE_T_8b618e137a904b3d8bf3975d7ed9ac32_HorizontalConnector1">
            <a:extLst>
              <a:ext uri="{FF2B5EF4-FFF2-40B4-BE49-F238E27FC236}">
                <a16:creationId xmlns:a16="http://schemas.microsoft.com/office/drawing/2014/main" id="{81480E88-C4AA-4C10-B112-60BCA0918BE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469252" y="3148429"/>
            <a:ext cx="4817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5" name="OTLSHAPE_T_39ae9590f5e5429f8807946e7956ac0d_HorizontalConnector1">
            <a:extLst>
              <a:ext uri="{FF2B5EF4-FFF2-40B4-BE49-F238E27FC236}">
                <a16:creationId xmlns:a16="http://schemas.microsoft.com/office/drawing/2014/main" id="{0A32C7A4-A0C0-4E7E-BFD8-AFBE77C1C31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78458" y="2881729"/>
            <a:ext cx="52975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4" name="OTLSHAPE_T_511b94c7edbb40bcba0f41892e43da4a_HorizontalConnector1">
            <a:extLst>
              <a:ext uri="{FF2B5EF4-FFF2-40B4-BE49-F238E27FC236}">
                <a16:creationId xmlns:a16="http://schemas.microsoft.com/office/drawing/2014/main" id="{FF4D8C4B-F725-456D-BFC5-F232632C7FF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84816" y="2615029"/>
            <a:ext cx="46817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3" name="OTLSHAPE_T_f561d70e8dae4d07bca80f6f9ed5287c_HorizontalConnector1">
            <a:extLst>
              <a:ext uri="{FF2B5EF4-FFF2-40B4-BE49-F238E27FC236}">
                <a16:creationId xmlns:a16="http://schemas.microsoft.com/office/drawing/2014/main" id="{2CB67EF8-900C-4704-8411-E5D2E277015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69252" y="2348329"/>
            <a:ext cx="29551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2" name="OTLSHAPE_T_4dde1da766e044ba9bc550285da95137_HorizontalConnector1">
            <a:extLst>
              <a:ext uri="{FF2B5EF4-FFF2-40B4-BE49-F238E27FC236}">
                <a16:creationId xmlns:a16="http://schemas.microsoft.com/office/drawing/2014/main" id="{116AA96E-F424-4140-98C5-E3FD995BFDC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48715" y="2081629"/>
            <a:ext cx="28256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1" name="OTLSHAPE_T_14ef0de6d864441289e3487f10390f29_HorizontalConnector1">
            <a:extLst>
              <a:ext uri="{FF2B5EF4-FFF2-40B4-BE49-F238E27FC236}">
                <a16:creationId xmlns:a16="http://schemas.microsoft.com/office/drawing/2014/main" id="{5CCDF141-96C2-437F-ACE9-11DB77BE568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0492" y="1814929"/>
            <a:ext cx="12272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0" name="OTLSHAPE_T_005f9b991c2e4c1ba6c37377b6bf3d71_HorizontalConnector1">
            <a:extLst>
              <a:ext uri="{FF2B5EF4-FFF2-40B4-BE49-F238E27FC236}">
                <a16:creationId xmlns:a16="http://schemas.microsoft.com/office/drawing/2014/main" id="{44B8F053-7EC2-4A36-8699-D7A7DB6E68A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 flipH="1">
            <a:off x="1525414" y="1548229"/>
            <a:ext cx="469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1" name="OTLSHAPE_T_f4976631e7d042d1ad4ced0c3831faff_HorizontalConnector1">
            <a:extLst>
              <a:ext uri="{FF2B5EF4-FFF2-40B4-BE49-F238E27FC236}">
                <a16:creationId xmlns:a16="http://schemas.microsoft.com/office/drawing/2014/main" id="{69FCF171-3B07-4761-9198-6B16EB12E41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60492" y="1281529"/>
            <a:ext cx="3024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6" name="OTLSHAPE_TB_00000000000000000000000000000000_LeftEndCaps">
            <a:extLst>
              <a:ext uri="{FF2B5EF4-FFF2-40B4-BE49-F238E27FC236}">
                <a16:creationId xmlns:a16="http://schemas.microsoft.com/office/drawing/2014/main" id="{8B90800D-F49D-41B5-AC8F-097738F2CEA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14468" y="54961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+mn-lt"/>
              </a:rPr>
              <a:t>1991</a:t>
            </a:r>
          </a:p>
        </p:txBody>
      </p:sp>
      <p:sp>
        <p:nvSpPr>
          <p:cNvPr id="537" name="OTLSHAPE_TB_00000000000000000000000000000000_RightEndCaps">
            <a:extLst>
              <a:ext uri="{FF2B5EF4-FFF2-40B4-BE49-F238E27FC236}">
                <a16:creationId xmlns:a16="http://schemas.microsoft.com/office/drawing/2014/main" id="{C31146F6-8855-424D-A675-9A099941B97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1608002" y="5496193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chemeClr val="accent2"/>
                </a:solidFill>
                <a:latin typeface="+mn-lt"/>
              </a:rPr>
              <a:t>2032</a:t>
            </a:r>
          </a:p>
        </p:txBody>
      </p:sp>
      <p:sp>
        <p:nvSpPr>
          <p:cNvPr id="538" name="OTLSHAPE_TB_00000000000000000000000000000000_ScaleContainer">
            <a:extLst>
              <a:ext uri="{FF2B5EF4-FFF2-40B4-BE49-F238E27FC236}">
                <a16:creationId xmlns:a16="http://schemas.microsoft.com/office/drawing/2014/main" id="{80942E57-E05D-4DC0-A0CB-2EE5B047B86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30333" y="5445224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9" name="OTLSHAPE_TB_00000000000000000000000000000000_ElapsedTime">
            <a:extLst>
              <a:ext uri="{FF2B5EF4-FFF2-40B4-BE49-F238E27FC236}">
                <a16:creationId xmlns:a16="http://schemas.microsoft.com/office/drawing/2014/main" id="{666B5E10-BEF9-4A92-8A7F-C881CD2C6D2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30333" y="5750024"/>
            <a:ext cx="732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0" name="OTLSHAPE_TB_00000000000000000000000000000000_TodayMarkerShape">
            <a:extLst>
              <a:ext uri="{FF2B5EF4-FFF2-40B4-BE49-F238E27FC236}">
                <a16:creationId xmlns:a16="http://schemas.microsoft.com/office/drawing/2014/main" id="{000E2FA6-FB46-4B64-AA7E-F27C459E231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93068" y="582622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41" name="OTLSHAPE_TB_00000000000000000000000000000000_TodayMarkerText">
            <a:extLst>
              <a:ext uri="{FF2B5EF4-FFF2-40B4-BE49-F238E27FC236}">
                <a16:creationId xmlns:a16="http://schemas.microsoft.com/office/drawing/2014/main" id="{B851E857-379D-444F-B1BD-FB32A3FD20F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273578" y="5953918"/>
            <a:ext cx="359522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dirty="0" err="1">
                <a:solidFill>
                  <a:schemeClr val="dk1"/>
                </a:solidFill>
                <a:latin typeface="+mn-lt"/>
              </a:rPr>
              <a:t>Today</a:t>
            </a:r>
            <a:endParaRPr lang="fr-FR" sz="1200" spc="-6" dirty="0">
              <a:solidFill>
                <a:schemeClr val="dk1"/>
              </a:solidFill>
              <a:latin typeface="+mn-lt"/>
            </a:endParaRPr>
          </a:p>
        </p:txBody>
      </p:sp>
      <p:sp>
        <p:nvSpPr>
          <p:cNvPr id="542" name="OTLSHAPE_TB_00000000000000000000000000000000_TimescaleInterval1">
            <a:extLst>
              <a:ext uri="{FF2B5EF4-FFF2-40B4-BE49-F238E27FC236}">
                <a16:creationId xmlns:a16="http://schemas.microsoft.com/office/drawing/2014/main" id="{AF8F8290-B2EE-40DE-B159-C6F348B423C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93833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1991</a:t>
            </a:r>
          </a:p>
        </p:txBody>
      </p:sp>
      <p:cxnSp>
        <p:nvCxnSpPr>
          <p:cNvPr id="543" name="OTLSHAPE_TB_00000000000000000000000000000000_Separator1">
            <a:extLst>
              <a:ext uri="{FF2B5EF4-FFF2-40B4-BE49-F238E27FC236}">
                <a16:creationId xmlns:a16="http://schemas.microsoft.com/office/drawing/2014/main" id="{F62BF0D9-26F4-4A01-A002-F38FBDA9137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605660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0" name="OTLSHAPE_TB_00000000000000000000000000000000_TimescaleInterval2">
            <a:extLst>
              <a:ext uri="{FF2B5EF4-FFF2-40B4-BE49-F238E27FC236}">
                <a16:creationId xmlns:a16="http://schemas.microsoft.com/office/drawing/2014/main" id="{F435C389-5473-4F29-B279-7786ADF10BF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69160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1997</a:t>
            </a:r>
          </a:p>
        </p:txBody>
      </p:sp>
      <p:cxnSp>
        <p:nvCxnSpPr>
          <p:cNvPr id="981" name="OTLSHAPE_TB_00000000000000000000000000000000_Separator2">
            <a:extLst>
              <a:ext uri="{FF2B5EF4-FFF2-40B4-BE49-F238E27FC236}">
                <a16:creationId xmlns:a16="http://schemas.microsoft.com/office/drawing/2014/main" id="{544C0294-A089-4B1F-8F61-6433786F8B4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080314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2" name="OTLSHAPE_TB_00000000000000000000000000000000_TimescaleInterval3">
            <a:extLst>
              <a:ext uri="{FF2B5EF4-FFF2-40B4-BE49-F238E27FC236}">
                <a16:creationId xmlns:a16="http://schemas.microsoft.com/office/drawing/2014/main" id="{5801A7BC-224B-4BCC-888B-A08CEB98285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143814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03</a:t>
            </a:r>
          </a:p>
        </p:txBody>
      </p:sp>
      <p:cxnSp>
        <p:nvCxnSpPr>
          <p:cNvPr id="983" name="OTLSHAPE_TB_00000000000000000000000000000000_Separator3">
            <a:extLst>
              <a:ext uri="{FF2B5EF4-FFF2-40B4-BE49-F238E27FC236}">
                <a16:creationId xmlns:a16="http://schemas.microsoft.com/office/drawing/2014/main" id="{9A07DD7E-7B43-425A-B7E6-36B4FD3C9CB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55641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4" name="OTLSHAPE_TB_00000000000000000000000000000000_TimescaleInterval4">
            <a:extLst>
              <a:ext uri="{FF2B5EF4-FFF2-40B4-BE49-F238E27FC236}">
                <a16:creationId xmlns:a16="http://schemas.microsoft.com/office/drawing/2014/main" id="{300097E3-4BF4-4BCC-9AA5-E3EE0FBE7AC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619141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09</a:t>
            </a:r>
          </a:p>
        </p:txBody>
      </p:sp>
      <p:cxnSp>
        <p:nvCxnSpPr>
          <p:cNvPr id="985" name="OTLSHAPE_TB_00000000000000000000000000000000_Separator4">
            <a:extLst>
              <a:ext uri="{FF2B5EF4-FFF2-40B4-BE49-F238E27FC236}">
                <a16:creationId xmlns:a16="http://schemas.microsoft.com/office/drawing/2014/main" id="{FA2ABA93-3B5C-433D-B61D-8D2CF8249A8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30295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6" name="OTLSHAPE_TB_00000000000000000000000000000000_TimescaleInterval5">
            <a:extLst>
              <a:ext uri="{FF2B5EF4-FFF2-40B4-BE49-F238E27FC236}">
                <a16:creationId xmlns:a16="http://schemas.microsoft.com/office/drawing/2014/main" id="{B1CF4360-CF74-4ECB-AC63-F32E5BC3D01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93795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15</a:t>
            </a:r>
          </a:p>
        </p:txBody>
      </p:sp>
      <p:cxnSp>
        <p:nvCxnSpPr>
          <p:cNvPr id="987" name="OTLSHAPE_TB_00000000000000000000000000000000_Separator5">
            <a:extLst>
              <a:ext uri="{FF2B5EF4-FFF2-40B4-BE49-F238E27FC236}">
                <a16:creationId xmlns:a16="http://schemas.microsoft.com/office/drawing/2014/main" id="{532F6684-DD53-452D-ABE1-26C6592ED7C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505622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8" name="OTLSHAPE_TB_00000000000000000000000000000000_TimescaleInterval6">
            <a:extLst>
              <a:ext uri="{FF2B5EF4-FFF2-40B4-BE49-F238E27FC236}">
                <a16:creationId xmlns:a16="http://schemas.microsoft.com/office/drawing/2014/main" id="{12047D1B-715E-41D8-8331-A364784F4F5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569122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21</a:t>
            </a:r>
          </a:p>
        </p:txBody>
      </p:sp>
      <p:cxnSp>
        <p:nvCxnSpPr>
          <p:cNvPr id="989" name="OTLSHAPE_TB_00000000000000000000000000000000_Separator6">
            <a:extLst>
              <a:ext uri="{FF2B5EF4-FFF2-40B4-BE49-F238E27FC236}">
                <a16:creationId xmlns:a16="http://schemas.microsoft.com/office/drawing/2014/main" id="{0491B842-3FC4-4743-818B-54464848379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980275" y="5534124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0" name="OTLSHAPE_TB_00000000000000000000000000000000_TimescaleInterval7">
            <a:extLst>
              <a:ext uri="{FF2B5EF4-FFF2-40B4-BE49-F238E27FC236}">
                <a16:creationId xmlns:a16="http://schemas.microsoft.com/office/drawing/2014/main" id="{0A2DA8E1-6C85-484B-AAAE-F277D88947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043775" y="554269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chemeClr val="lt1"/>
                </a:solidFill>
                <a:latin typeface="+mn-lt"/>
              </a:rPr>
              <a:t>2027</a:t>
            </a:r>
          </a:p>
        </p:txBody>
      </p:sp>
      <p:sp>
        <p:nvSpPr>
          <p:cNvPr id="998" name="OTLSHAPE_T_f4976631e7d042d1ad4ced0c3831faff_Shape">
            <a:extLst>
              <a:ext uri="{FF2B5EF4-FFF2-40B4-BE49-F238E27FC236}">
                <a16:creationId xmlns:a16="http://schemas.microsoft.com/office/drawing/2014/main" id="{AA3F7551-688E-4159-AC17-A7D42FCB03A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62924" y="1179929"/>
            <a:ext cx="2146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99" name="OTLSHAPE_T_f4976631e7d042d1ad4ced0c3831faff_ShapePercentage" hidden="1">
            <a:extLst>
              <a:ext uri="{FF2B5EF4-FFF2-40B4-BE49-F238E27FC236}">
                <a16:creationId xmlns:a16="http://schemas.microsoft.com/office/drawing/2014/main" id="{541E69FD-A7B6-48B1-90AA-2485812A313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65956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0" name="OTLSHAPE_T_f4976631e7d042d1ad4ced0c3831faff_Duration" hidden="1">
            <a:extLst>
              <a:ext uri="{FF2B5EF4-FFF2-40B4-BE49-F238E27FC236}">
                <a16:creationId xmlns:a16="http://schemas.microsoft.com/office/drawing/2014/main" id="{66293F88-F407-449A-BFA7-BEB0893C46D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945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181 jours</a:t>
            </a:r>
          </a:p>
        </p:txBody>
      </p:sp>
      <p:sp>
        <p:nvSpPr>
          <p:cNvPr id="1001" name="OTLSHAPE_T_f4976631e7d042d1ad4ced0c3831faff_TextPercentage" hidden="1">
            <a:extLst>
              <a:ext uri="{FF2B5EF4-FFF2-40B4-BE49-F238E27FC236}">
                <a16:creationId xmlns:a16="http://schemas.microsoft.com/office/drawing/2014/main" id="{30E26780-F068-4854-BE9B-6C2624EC9E5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2" name="OTLSHAPE_T_f4976631e7d042d1ad4ced0c3831faff_StartDate" hidden="1">
            <a:extLst>
              <a:ext uri="{FF2B5EF4-FFF2-40B4-BE49-F238E27FC236}">
                <a16:creationId xmlns:a16="http://schemas.microsoft.com/office/drawing/2014/main" id="{28D31134-DECC-4013-8542-73DAAC2FCA2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T_f4976631e7d042d1ad4ced0c3831faff_EndDate" hidden="1">
            <a:extLst>
              <a:ext uri="{FF2B5EF4-FFF2-40B4-BE49-F238E27FC236}">
                <a16:creationId xmlns:a16="http://schemas.microsoft.com/office/drawing/2014/main" id="{1439F8BD-F357-4584-AEB5-80622D56A9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T_f4976631e7d042d1ad4ced0c3831faff_JoinedDate">
            <a:extLst>
              <a:ext uri="{FF2B5EF4-FFF2-40B4-BE49-F238E27FC236}">
                <a16:creationId xmlns:a16="http://schemas.microsoft.com/office/drawing/2014/main" id="{74C2F61F-E4EB-4BF4-B86F-AE811C86AE5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454698" y="12040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7/17/1991 - 3/31/2000</a:t>
            </a:r>
          </a:p>
        </p:txBody>
      </p:sp>
      <p:sp>
        <p:nvSpPr>
          <p:cNvPr id="1005" name="OTLSHAPE_T_f4976631e7d042d1ad4ced0c3831faff_Title">
            <a:extLst>
              <a:ext uri="{FF2B5EF4-FFF2-40B4-BE49-F238E27FC236}">
                <a16:creationId xmlns:a16="http://schemas.microsoft.com/office/drawing/2014/main" id="{C1A6C68A-37BB-49A8-9305-59DC7A8FE56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23968" y="119627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RS-1 (Esa)</a:t>
            </a:r>
          </a:p>
        </p:txBody>
      </p:sp>
      <p:sp>
        <p:nvSpPr>
          <p:cNvPr id="1006" name="OTLSHAPE_T_005f9b991c2e4c1ba6c37377b6bf3d71_Shape">
            <a:extLst>
              <a:ext uri="{FF2B5EF4-FFF2-40B4-BE49-F238E27FC236}">
                <a16:creationId xmlns:a16="http://schemas.microsoft.com/office/drawing/2014/main" id="{69E90866-0A41-4B7B-AF0B-9B301AC15E8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525414" y="1446629"/>
            <a:ext cx="3314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7" name="OTLSHAPE_T_005f9b991c2e4c1ba6c37377b6bf3d71_ShapePercentage" hidden="1">
            <a:extLst>
              <a:ext uri="{FF2B5EF4-FFF2-40B4-BE49-F238E27FC236}">
                <a16:creationId xmlns:a16="http://schemas.microsoft.com/office/drawing/2014/main" id="{BA91FAD3-3E5D-4ED6-A195-469B9D678B3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328446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08" name="OTLSHAPE_T_005f9b991c2e4c1ba6c37377b6bf3d71_Duration" hidden="1">
            <a:extLst>
              <a:ext uri="{FF2B5EF4-FFF2-40B4-BE49-F238E27FC236}">
                <a16:creationId xmlns:a16="http://schemas.microsoft.com/office/drawing/2014/main" id="{69CECA7B-015B-42E2-ADEB-22AF4004EFD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211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910 jours</a:t>
            </a:r>
          </a:p>
        </p:txBody>
      </p:sp>
      <p:sp>
        <p:nvSpPr>
          <p:cNvPr id="1009" name="OTLSHAPE_T_005f9b991c2e4c1ba6c37377b6bf3d71_TextPercentage" hidden="1">
            <a:extLst>
              <a:ext uri="{FF2B5EF4-FFF2-40B4-BE49-F238E27FC236}">
                <a16:creationId xmlns:a16="http://schemas.microsoft.com/office/drawing/2014/main" id="{9B890349-7F07-4062-9DA2-071A083FF11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0" name="OTLSHAPE_T_005f9b991c2e4c1ba6c37377b6bf3d71_StartDate" hidden="1">
            <a:extLst>
              <a:ext uri="{FF2B5EF4-FFF2-40B4-BE49-F238E27FC236}">
                <a16:creationId xmlns:a16="http://schemas.microsoft.com/office/drawing/2014/main" id="{6B57F20A-4CC1-49B0-98A1-888FEEAAF7F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1" name="OTLSHAPE_T_005f9b991c2e4c1ba6c37377b6bf3d71_EndDate" hidden="1">
            <a:extLst>
              <a:ext uri="{FF2B5EF4-FFF2-40B4-BE49-F238E27FC236}">
                <a16:creationId xmlns:a16="http://schemas.microsoft.com/office/drawing/2014/main" id="{92222448-A3BD-4EA1-A0B8-5C871FF02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T_005f9b991c2e4c1ba6c37377b6bf3d71_JoinedDate">
            <a:extLst>
              <a:ext uri="{FF2B5EF4-FFF2-40B4-BE49-F238E27FC236}">
                <a16:creationId xmlns:a16="http://schemas.microsoft.com/office/drawing/2014/main" id="{C2551089-6A67-4F47-8848-1D443D75720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80892" y="14707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8/10/1992 - 1/18/2006</a:t>
            </a:r>
          </a:p>
        </p:txBody>
      </p:sp>
      <p:sp>
        <p:nvSpPr>
          <p:cNvPr id="1013" name="OTLSHAPE_T_005f9b991c2e4c1ba6c37377b6bf3d71_Title">
            <a:extLst>
              <a:ext uri="{FF2B5EF4-FFF2-40B4-BE49-F238E27FC236}">
                <a16:creationId xmlns:a16="http://schemas.microsoft.com/office/drawing/2014/main" id="{8E28C1B7-2DBE-4255-8765-A63863E656F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3968" y="1462970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Topex/Poseidon (Nasa/Cnes)</a:t>
            </a:r>
          </a:p>
        </p:txBody>
      </p:sp>
      <p:sp>
        <p:nvSpPr>
          <p:cNvPr id="1014" name="OTLSHAPE_T_14ef0de6d864441289e3487f10390f29_Shape">
            <a:extLst>
              <a:ext uri="{FF2B5EF4-FFF2-40B4-BE49-F238E27FC236}">
                <a16:creationId xmlns:a16="http://schemas.microsoft.com/office/drawing/2014/main" id="{55B83EB2-E7BA-49B6-89F8-C5A2F368DB9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187696" y="1713329"/>
            <a:ext cx="398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5" name="OTLSHAPE_T_14ef0de6d864441289e3487f10390f29_ShapePercentage" hidden="1">
            <a:extLst>
              <a:ext uri="{FF2B5EF4-FFF2-40B4-BE49-F238E27FC236}">
                <a16:creationId xmlns:a16="http://schemas.microsoft.com/office/drawing/2014/main" id="{0041F12E-FE79-485B-AB7D-451B16E3B00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990728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6" name="OTLSHAPE_T_14ef0de6d864441289e3487f10390f29_Duration" hidden="1">
            <a:extLst>
              <a:ext uri="{FF2B5EF4-FFF2-40B4-BE49-F238E27FC236}">
                <a16:creationId xmlns:a16="http://schemas.microsoft.com/office/drawing/2014/main" id="{8FD33FE5-8F0A-46FE-8761-2570DCBE512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478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921 jours</a:t>
            </a:r>
          </a:p>
        </p:txBody>
      </p:sp>
      <p:sp>
        <p:nvSpPr>
          <p:cNvPr id="1017" name="OTLSHAPE_T_14ef0de6d864441289e3487f10390f29_TextPercentage" hidden="1">
            <a:extLst>
              <a:ext uri="{FF2B5EF4-FFF2-40B4-BE49-F238E27FC236}">
                <a16:creationId xmlns:a16="http://schemas.microsoft.com/office/drawing/2014/main" id="{89FFE619-EDA6-4149-9281-E353B1ED77A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8" name="OTLSHAPE_T_14ef0de6d864441289e3487f10390f29_StartDate" hidden="1">
            <a:extLst>
              <a:ext uri="{FF2B5EF4-FFF2-40B4-BE49-F238E27FC236}">
                <a16:creationId xmlns:a16="http://schemas.microsoft.com/office/drawing/2014/main" id="{548F38E1-573C-4467-83CF-3758CB24E77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9" name="OTLSHAPE_T_14ef0de6d864441289e3487f10390f29_EndDate" hidden="1">
            <a:extLst>
              <a:ext uri="{FF2B5EF4-FFF2-40B4-BE49-F238E27FC236}">
                <a16:creationId xmlns:a16="http://schemas.microsoft.com/office/drawing/2014/main" id="{7698DF49-BF00-4088-862C-127C6CFAE7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14ef0de6d864441289e3487f10390f29_JoinedDate">
            <a:extLst>
              <a:ext uri="{FF2B5EF4-FFF2-40B4-BE49-F238E27FC236}">
                <a16:creationId xmlns:a16="http://schemas.microsoft.com/office/drawing/2014/main" id="{EBF1DC92-4EF3-4EF3-9850-C9A55E0798C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23628" y="173741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4/21/1995 - 7/6/2011</a:t>
            </a:r>
          </a:p>
        </p:txBody>
      </p:sp>
      <p:sp>
        <p:nvSpPr>
          <p:cNvPr id="1021" name="OTLSHAPE_T_14ef0de6d864441289e3487f10390f29_Title">
            <a:extLst>
              <a:ext uri="{FF2B5EF4-FFF2-40B4-BE49-F238E27FC236}">
                <a16:creationId xmlns:a16="http://schemas.microsoft.com/office/drawing/2014/main" id="{E24A0CD3-99C1-4561-BEA5-ED480AA4100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3968" y="172967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RS-2 (Esa)</a:t>
            </a:r>
          </a:p>
        </p:txBody>
      </p:sp>
      <p:sp>
        <p:nvSpPr>
          <p:cNvPr id="1022" name="OTLSHAPE_T_4dde1da766e044ba9bc550285da95137_Shape">
            <a:extLst>
              <a:ext uri="{FF2B5EF4-FFF2-40B4-BE49-F238E27FC236}">
                <a16:creationId xmlns:a16="http://schemas.microsoft.com/office/drawing/2014/main" id="{EAEC662F-8EDA-4A46-9884-DAEC9CBAF27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74361" y="1980029"/>
            <a:ext cx="2489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3" name="OTLSHAPE_T_4dde1da766e044ba9bc550285da95137_ShapePercentage" hidden="1">
            <a:extLst>
              <a:ext uri="{FF2B5EF4-FFF2-40B4-BE49-F238E27FC236}">
                <a16:creationId xmlns:a16="http://schemas.microsoft.com/office/drawing/2014/main" id="{B3311619-3843-41F1-A479-1E56EAF5397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7739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4" name="OTLSHAPE_T_4dde1da766e044ba9bc550285da95137_Duration" hidden="1">
            <a:extLst>
              <a:ext uri="{FF2B5EF4-FFF2-40B4-BE49-F238E27FC236}">
                <a16:creationId xmlns:a16="http://schemas.microsoft.com/office/drawing/2014/main" id="{35592CAB-F74D-48D4-8D60-503B4BB181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745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92 jours</a:t>
            </a:r>
          </a:p>
        </p:txBody>
      </p:sp>
      <p:sp>
        <p:nvSpPr>
          <p:cNvPr id="1025" name="OTLSHAPE_T_4dde1da766e044ba9bc550285da95137_TextPercentage" hidden="1">
            <a:extLst>
              <a:ext uri="{FF2B5EF4-FFF2-40B4-BE49-F238E27FC236}">
                <a16:creationId xmlns:a16="http://schemas.microsoft.com/office/drawing/2014/main" id="{F81E4A72-4863-458B-928F-16F0719F2C1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6" name="OTLSHAPE_T_4dde1da766e044ba9bc550285da95137_StartDate" hidden="1">
            <a:extLst>
              <a:ext uri="{FF2B5EF4-FFF2-40B4-BE49-F238E27FC236}">
                <a16:creationId xmlns:a16="http://schemas.microsoft.com/office/drawing/2014/main" id="{4AB2C787-9BEC-4429-ADD3-AC231B8D842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T_4dde1da766e044ba9bc550285da95137_EndDate" hidden="1">
            <a:extLst>
              <a:ext uri="{FF2B5EF4-FFF2-40B4-BE49-F238E27FC236}">
                <a16:creationId xmlns:a16="http://schemas.microsoft.com/office/drawing/2014/main" id="{98CF67AF-7D2B-440D-AABB-7CC05CCEFF7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4dde1da766e044ba9bc550285da95137_JoinedDate">
            <a:extLst>
              <a:ext uri="{FF2B5EF4-FFF2-40B4-BE49-F238E27FC236}">
                <a16:creationId xmlns:a16="http://schemas.microsoft.com/office/drawing/2014/main" id="{763B8A50-5781-46C5-8A7E-082499819C0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410063" y="200411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3/1/2002 - 4/8/2012</a:t>
            </a:r>
          </a:p>
        </p:txBody>
      </p:sp>
      <p:sp>
        <p:nvSpPr>
          <p:cNvPr id="1029" name="OTLSHAPE_T_4dde1da766e044ba9bc550285da95137_Title">
            <a:extLst>
              <a:ext uri="{FF2B5EF4-FFF2-40B4-BE49-F238E27FC236}">
                <a16:creationId xmlns:a16="http://schemas.microsoft.com/office/drawing/2014/main" id="{BFE657A1-89FE-4BCD-B35C-81F4862B8C7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3968" y="1996370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Envisat (Esa)</a:t>
            </a:r>
          </a:p>
        </p:txBody>
      </p:sp>
      <p:sp>
        <p:nvSpPr>
          <p:cNvPr id="1030" name="OTLSHAPE_T_f561d70e8dae4d07bca80f6f9ed5287c_Shape">
            <a:extLst>
              <a:ext uri="{FF2B5EF4-FFF2-40B4-BE49-F238E27FC236}">
                <a16:creationId xmlns:a16="http://schemas.microsoft.com/office/drawing/2014/main" id="{9A69854A-3E53-431C-9F57-1E1A66E46D6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424396" y="2246729"/>
            <a:ext cx="278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1" name="OTLSHAPE_T_f561d70e8dae4d07bca80f6f9ed5287c_ShapePercentage" hidden="1">
            <a:extLst>
              <a:ext uri="{FF2B5EF4-FFF2-40B4-BE49-F238E27FC236}">
                <a16:creationId xmlns:a16="http://schemas.microsoft.com/office/drawing/2014/main" id="{0CBF7E7B-866F-4DF3-891C-BAD6E4FACA69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227428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2" name="OTLSHAPE_T_f561d70e8dae4d07bca80f6f9ed5287c_Duration" hidden="1">
            <a:extLst>
              <a:ext uri="{FF2B5EF4-FFF2-40B4-BE49-F238E27FC236}">
                <a16:creationId xmlns:a16="http://schemas.microsoft.com/office/drawing/2014/main" id="{AD67600F-9F57-4575-A3F4-7721A24A57D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0120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130 jours</a:t>
            </a:r>
          </a:p>
        </p:txBody>
      </p:sp>
      <p:sp>
        <p:nvSpPr>
          <p:cNvPr id="1033" name="OTLSHAPE_T_f561d70e8dae4d07bca80f6f9ed5287c_TextPercentage" hidden="1">
            <a:extLst>
              <a:ext uri="{FF2B5EF4-FFF2-40B4-BE49-F238E27FC236}">
                <a16:creationId xmlns:a16="http://schemas.microsoft.com/office/drawing/2014/main" id="{E1FA897B-B94F-46FE-A26B-44F6AFB14B8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4" name="OTLSHAPE_T_f561d70e8dae4d07bca80f6f9ed5287c_StartDate" hidden="1">
            <a:extLst>
              <a:ext uri="{FF2B5EF4-FFF2-40B4-BE49-F238E27FC236}">
                <a16:creationId xmlns:a16="http://schemas.microsoft.com/office/drawing/2014/main" id="{222D358C-51CA-4FED-825D-1DD6F156C1D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5" name="OTLSHAPE_T_f561d70e8dae4d07bca80f6f9ed5287c_EndDate" hidden="1">
            <a:extLst>
              <a:ext uri="{FF2B5EF4-FFF2-40B4-BE49-F238E27FC236}">
                <a16:creationId xmlns:a16="http://schemas.microsoft.com/office/drawing/2014/main" id="{25120008-8B91-4366-BEDB-2AD065E611A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T_f561d70e8dae4d07bca80f6f9ed5287c_JoinedDate">
            <a:extLst>
              <a:ext uri="{FF2B5EF4-FFF2-40B4-BE49-F238E27FC236}">
                <a16:creationId xmlns:a16="http://schemas.microsoft.com/office/drawing/2014/main" id="{0B4FC796-F777-48C5-8A1F-557CFC54F80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54895" y="227081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6/20/2008 - 10/10/2019</a:t>
            </a:r>
          </a:p>
        </p:txBody>
      </p:sp>
      <p:sp>
        <p:nvSpPr>
          <p:cNvPr id="1037" name="OTLSHAPE_T_f561d70e8dae4d07bca80f6f9ed5287c_Title">
            <a:extLst>
              <a:ext uri="{FF2B5EF4-FFF2-40B4-BE49-F238E27FC236}">
                <a16:creationId xmlns:a16="http://schemas.microsoft.com/office/drawing/2014/main" id="{ABCB516A-B300-4A0D-9D23-88ABE76579D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3968" y="22630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2 (Cnes/Eumetsat/Nasa/Noaa)</a:t>
            </a:r>
          </a:p>
        </p:txBody>
      </p:sp>
      <p:sp>
        <p:nvSpPr>
          <p:cNvPr id="1038" name="OTLSHAPE_T_511b94c7edbb40bcba0f41892e43da4a_Shape">
            <a:extLst>
              <a:ext uri="{FF2B5EF4-FFF2-40B4-BE49-F238E27FC236}">
                <a16:creationId xmlns:a16="http://schemas.microsoft.com/office/drawing/2014/main" id="{9D7830FA-3C4A-47B2-8663-83C873465E5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866591" y="2513429"/>
            <a:ext cx="289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9" name="OTLSHAPE_T_511b94c7edbb40bcba0f41892e43da4a_ShapePercentage" hidden="1">
            <a:extLst>
              <a:ext uri="{FF2B5EF4-FFF2-40B4-BE49-F238E27FC236}">
                <a16:creationId xmlns:a16="http://schemas.microsoft.com/office/drawing/2014/main" id="{46708130-8BFA-49ED-9799-FFB7021798C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6696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0" name="OTLSHAPE_T_511b94c7edbb40bcba0f41892e43da4a_Duration" hidden="1">
            <a:extLst>
              <a:ext uri="{FF2B5EF4-FFF2-40B4-BE49-F238E27FC236}">
                <a16:creationId xmlns:a16="http://schemas.microsoft.com/office/drawing/2014/main" id="{033426F6-8CE7-4DBA-9FB8-1507E4E5779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2787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286 jours</a:t>
            </a:r>
          </a:p>
        </p:txBody>
      </p:sp>
      <p:sp>
        <p:nvSpPr>
          <p:cNvPr id="1041" name="OTLSHAPE_T_511b94c7edbb40bcba0f41892e43da4a_TextPercentage" hidden="1">
            <a:extLst>
              <a:ext uri="{FF2B5EF4-FFF2-40B4-BE49-F238E27FC236}">
                <a16:creationId xmlns:a16="http://schemas.microsoft.com/office/drawing/2014/main" id="{13269BB7-56EB-4DAB-94D1-0EA891EDA97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2" name="OTLSHAPE_T_511b94c7edbb40bcba0f41892e43da4a_StartDate" hidden="1">
            <a:extLst>
              <a:ext uri="{FF2B5EF4-FFF2-40B4-BE49-F238E27FC236}">
                <a16:creationId xmlns:a16="http://schemas.microsoft.com/office/drawing/2014/main" id="{06E05919-ED98-4C90-90B4-BDBB7D4E2B0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3" name="OTLSHAPE_T_511b94c7edbb40bcba0f41892e43da4a_EndDate" hidden="1">
            <a:extLst>
              <a:ext uri="{FF2B5EF4-FFF2-40B4-BE49-F238E27FC236}">
                <a16:creationId xmlns:a16="http://schemas.microsoft.com/office/drawing/2014/main" id="{1664D686-82EB-40E9-BC8C-E3406D06E8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4" name="OTLSHAPE_T_511b94c7edbb40bcba0f41892e43da4a_JoinedDate">
            <a:extLst>
              <a:ext uri="{FF2B5EF4-FFF2-40B4-BE49-F238E27FC236}">
                <a16:creationId xmlns:a16="http://schemas.microsoft.com/office/drawing/2014/main" id="{B6AA2A50-D8E1-4142-A985-A42FB4CC892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02085" y="25375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4/8/2010 - 12/31/2021</a:t>
            </a:r>
          </a:p>
        </p:txBody>
      </p:sp>
      <p:sp>
        <p:nvSpPr>
          <p:cNvPr id="1045" name="OTLSHAPE_T_511b94c7edbb40bcba0f41892e43da4a_Title">
            <a:extLst>
              <a:ext uri="{FF2B5EF4-FFF2-40B4-BE49-F238E27FC236}">
                <a16:creationId xmlns:a16="http://schemas.microsoft.com/office/drawing/2014/main" id="{6021DB01-139C-4112-B922-99EEE6B7D7D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3968" y="252977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Cryosat-2 (Esa)</a:t>
            </a:r>
          </a:p>
        </p:txBody>
      </p:sp>
      <p:sp>
        <p:nvSpPr>
          <p:cNvPr id="1046" name="OTLSHAPE_T_39ae9590f5e5429f8807946e7956ac0d_Shape">
            <a:extLst>
              <a:ext uri="{FF2B5EF4-FFF2-40B4-BE49-F238E27FC236}">
                <a16:creationId xmlns:a16="http://schemas.microsoft.com/office/drawing/2014/main" id="{31DF4637-D048-437E-8873-60CC8C0B45D5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575986" y="2780129"/>
            <a:ext cx="2184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7" name="OTLSHAPE_T_39ae9590f5e5429f8807946e7956ac0d_ShapePercentage" hidden="1">
            <a:extLst>
              <a:ext uri="{FF2B5EF4-FFF2-40B4-BE49-F238E27FC236}">
                <a16:creationId xmlns:a16="http://schemas.microsoft.com/office/drawing/2014/main" id="{410B8083-ABDB-4602-A92A-6AEA24242303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379018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8" name="OTLSHAPE_T_39ae9590f5e5429f8807946e7956ac0d_Duration" hidden="1">
            <a:extLst>
              <a:ext uri="{FF2B5EF4-FFF2-40B4-BE49-F238E27FC236}">
                <a16:creationId xmlns:a16="http://schemas.microsoft.com/office/drawing/2014/main" id="{64D2FD96-B31B-4B30-98DA-BED57ED0056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5454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232 jours</a:t>
            </a:r>
          </a:p>
        </p:txBody>
      </p:sp>
      <p:sp>
        <p:nvSpPr>
          <p:cNvPr id="1049" name="OTLSHAPE_T_39ae9590f5e5429f8807946e7956ac0d_TextPercentage" hidden="1">
            <a:extLst>
              <a:ext uri="{FF2B5EF4-FFF2-40B4-BE49-F238E27FC236}">
                <a16:creationId xmlns:a16="http://schemas.microsoft.com/office/drawing/2014/main" id="{43780DF0-F8EB-407B-996C-B79F866BB8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0" name="OTLSHAPE_T_39ae9590f5e5429f8807946e7956ac0d_StartDate" hidden="1">
            <a:extLst>
              <a:ext uri="{FF2B5EF4-FFF2-40B4-BE49-F238E27FC236}">
                <a16:creationId xmlns:a16="http://schemas.microsoft.com/office/drawing/2014/main" id="{2991053D-0DB7-4DFD-BA46-2E0B8AC2E3B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1" name="OTLSHAPE_T_39ae9590f5e5429f8807946e7956ac0d_EndDate" hidden="1">
            <a:extLst>
              <a:ext uri="{FF2B5EF4-FFF2-40B4-BE49-F238E27FC236}">
                <a16:creationId xmlns:a16="http://schemas.microsoft.com/office/drawing/2014/main" id="{06C676F9-E976-4EBB-A526-F63C4DAC6B7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T_39ae9590f5e5429f8807946e7956ac0d_JoinedDate">
            <a:extLst>
              <a:ext uri="{FF2B5EF4-FFF2-40B4-BE49-F238E27FC236}">
                <a16:creationId xmlns:a16="http://schemas.microsoft.com/office/drawing/2014/main" id="{5A49F869-F4BA-4AEA-A63C-4327BAAEA17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02085" y="2804217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25/2013 - 12/31/2021</a:t>
            </a:r>
          </a:p>
        </p:txBody>
      </p:sp>
      <p:sp>
        <p:nvSpPr>
          <p:cNvPr id="1053" name="OTLSHAPE_T_39ae9590f5e5429f8807946e7956ac0d_Title">
            <a:extLst>
              <a:ext uri="{FF2B5EF4-FFF2-40B4-BE49-F238E27FC236}">
                <a16:creationId xmlns:a16="http://schemas.microsoft.com/office/drawing/2014/main" id="{5148DABC-D81A-4CB9-837A-2C2334598DD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23968" y="2796470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aral (Cnes/Isro)</a:t>
            </a:r>
          </a:p>
        </p:txBody>
      </p:sp>
      <p:sp>
        <p:nvSpPr>
          <p:cNvPr id="1054" name="OTLSHAPE_T_8b618e137a904b3d8bf3975d7ed9ac32_Shape">
            <a:extLst>
              <a:ext uri="{FF2B5EF4-FFF2-40B4-BE49-F238E27FC236}">
                <a16:creationId xmlns:a16="http://schemas.microsoft.com/office/drawing/2014/main" id="{FFB21605-69F5-4B25-8856-A8586C65122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286727" y="30468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5" name="OTLSHAPE_T_8b618e137a904b3d8bf3975d7ed9ac32_ShapePercentage" hidden="1">
            <a:extLst>
              <a:ext uri="{FF2B5EF4-FFF2-40B4-BE49-F238E27FC236}">
                <a16:creationId xmlns:a16="http://schemas.microsoft.com/office/drawing/2014/main" id="{20EEC048-FCF3-4D4F-B0B5-3E4D0F910FF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7089759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6" name="OTLSHAPE_T_8b618e137a904b3d8bf3975d7ed9ac32_Duration" hidden="1">
            <a:extLst>
              <a:ext uri="{FF2B5EF4-FFF2-40B4-BE49-F238E27FC236}">
                <a16:creationId xmlns:a16="http://schemas.microsoft.com/office/drawing/2014/main" id="{BA99E096-20D4-496B-85DF-374BF45A1E4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58121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9 jours</a:t>
            </a:r>
          </a:p>
        </p:txBody>
      </p:sp>
      <p:sp>
        <p:nvSpPr>
          <p:cNvPr id="1057" name="OTLSHAPE_T_8b618e137a904b3d8bf3975d7ed9ac32_TextPercentage" hidden="1">
            <a:extLst>
              <a:ext uri="{FF2B5EF4-FFF2-40B4-BE49-F238E27FC236}">
                <a16:creationId xmlns:a16="http://schemas.microsoft.com/office/drawing/2014/main" id="{76CC26B8-EF6A-4AD8-9405-27E82246E6D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8" name="OTLSHAPE_T_8b618e137a904b3d8bf3975d7ed9ac32_StartDate" hidden="1">
            <a:extLst>
              <a:ext uri="{FF2B5EF4-FFF2-40B4-BE49-F238E27FC236}">
                <a16:creationId xmlns:a16="http://schemas.microsoft.com/office/drawing/2014/main" id="{0675558F-74F0-4044-8E47-7C4689280B7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9" name="OTLSHAPE_T_8b618e137a904b3d8bf3975d7ed9ac32_EndDate" hidden="1">
            <a:extLst>
              <a:ext uri="{FF2B5EF4-FFF2-40B4-BE49-F238E27FC236}">
                <a16:creationId xmlns:a16="http://schemas.microsoft.com/office/drawing/2014/main" id="{45489D50-4E14-48C2-92E8-9625218C31E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0" name="OTLSHAPE_T_8b618e137a904b3d8bf3975d7ed9ac32_JoinedDate">
            <a:extLst>
              <a:ext uri="{FF2B5EF4-FFF2-40B4-BE49-F238E27FC236}">
                <a16:creationId xmlns:a16="http://schemas.microsoft.com/office/drawing/2014/main" id="{CFDCC3EF-B2D9-4BEF-B4AE-EF391EA6E9A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059863" y="30709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1/17/2016 - 1/18/2023</a:t>
            </a:r>
          </a:p>
        </p:txBody>
      </p:sp>
      <p:sp>
        <p:nvSpPr>
          <p:cNvPr id="1061" name="OTLSHAPE_T_8b618e137a904b3d8bf3975d7ed9ac32_Title">
            <a:extLst>
              <a:ext uri="{FF2B5EF4-FFF2-40B4-BE49-F238E27FC236}">
                <a16:creationId xmlns:a16="http://schemas.microsoft.com/office/drawing/2014/main" id="{C7653FBC-8366-461D-9102-2572D033834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23968" y="30631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3 (Eumetsat/Noaa/Cnes/Nasa)</a:t>
            </a:r>
          </a:p>
        </p:txBody>
      </p:sp>
      <p:sp>
        <p:nvSpPr>
          <p:cNvPr id="1062" name="OTLSHAPE_T_0ee05b6b36ba410e91cdd92644ad1d32_Shape">
            <a:extLst>
              <a:ext uri="{FF2B5EF4-FFF2-40B4-BE49-F238E27FC236}">
                <a16:creationId xmlns:a16="http://schemas.microsoft.com/office/drawing/2014/main" id="{E48F631C-7E02-4CBD-9640-0384C17669C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306919" y="33135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3" name="OTLSHAPE_T_0ee05b6b36ba410e91cdd92644ad1d32_ShapePercentage" hidden="1">
            <a:extLst>
              <a:ext uri="{FF2B5EF4-FFF2-40B4-BE49-F238E27FC236}">
                <a16:creationId xmlns:a16="http://schemas.microsoft.com/office/drawing/2014/main" id="{C4A33E45-46EC-4621-9468-A4BC644FEAF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109951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4" name="OTLSHAPE_T_0ee05b6b36ba410e91cdd92644ad1d32_Duration" hidden="1">
            <a:extLst>
              <a:ext uri="{FF2B5EF4-FFF2-40B4-BE49-F238E27FC236}">
                <a16:creationId xmlns:a16="http://schemas.microsoft.com/office/drawing/2014/main" id="{0EB63842-3521-44BE-9FF1-91454C9CF45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078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65" name="OTLSHAPE_T_0ee05b6b36ba410e91cdd92644ad1d32_TextPercentage" hidden="1">
            <a:extLst>
              <a:ext uri="{FF2B5EF4-FFF2-40B4-BE49-F238E27FC236}">
                <a16:creationId xmlns:a16="http://schemas.microsoft.com/office/drawing/2014/main" id="{F0B98449-BCFE-46EE-A4C7-781FC8598FC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6" name="OTLSHAPE_T_0ee05b6b36ba410e91cdd92644ad1d32_StartDate" hidden="1">
            <a:extLst>
              <a:ext uri="{FF2B5EF4-FFF2-40B4-BE49-F238E27FC236}">
                <a16:creationId xmlns:a16="http://schemas.microsoft.com/office/drawing/2014/main" id="{47C84A70-55C9-41C1-A673-E517EA740B0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7" name="OTLSHAPE_T_0ee05b6b36ba410e91cdd92644ad1d32_EndDate" hidden="1">
            <a:extLst>
              <a:ext uri="{FF2B5EF4-FFF2-40B4-BE49-F238E27FC236}">
                <a16:creationId xmlns:a16="http://schemas.microsoft.com/office/drawing/2014/main" id="{5F6E4E0F-A479-4876-8F7B-173E51DE617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8" name="OTLSHAPE_T_0ee05b6b36ba410e91cdd92644ad1d32_JoinedDate">
            <a:extLst>
              <a:ext uri="{FF2B5EF4-FFF2-40B4-BE49-F238E27FC236}">
                <a16:creationId xmlns:a16="http://schemas.microsoft.com/office/drawing/2014/main" id="{98DA79E5-FECF-4930-B921-AE9D4BADF07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079382" y="33376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16/2016 - 2/16/2023</a:t>
            </a:r>
          </a:p>
        </p:txBody>
      </p:sp>
      <p:sp>
        <p:nvSpPr>
          <p:cNvPr id="1069" name="OTLSHAPE_T_0ee05b6b36ba410e91cdd92644ad1d32_Title">
            <a:extLst>
              <a:ext uri="{FF2B5EF4-FFF2-40B4-BE49-F238E27FC236}">
                <a16:creationId xmlns:a16="http://schemas.microsoft.com/office/drawing/2014/main" id="{BE68BDE4-424D-4005-B03E-F74675838B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23968" y="332987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A (EU)</a:t>
            </a:r>
          </a:p>
        </p:txBody>
      </p:sp>
      <p:sp>
        <p:nvSpPr>
          <p:cNvPr id="1070" name="OTLSHAPE_T_60581b38ba664cbaaa7fe80c6d17e898_Shape">
            <a:extLst>
              <a:ext uri="{FF2B5EF4-FFF2-40B4-BE49-F238E27FC236}">
                <a16:creationId xmlns:a16="http://schemas.microsoft.com/office/drawing/2014/main" id="{D6A6F727-6F54-4603-AF7E-B18BA354BDC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827860" y="3580229"/>
            <a:ext cx="1689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1" name="OTLSHAPE_T_60581b38ba664cbaaa7fe80c6d17e898_ShapePercentage" hidden="1">
            <a:extLst>
              <a:ext uri="{FF2B5EF4-FFF2-40B4-BE49-F238E27FC236}">
                <a16:creationId xmlns:a16="http://schemas.microsoft.com/office/drawing/2014/main" id="{9912E9BE-A829-4828-959D-288FFDE02CB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7630892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2" name="OTLSHAPE_T_60581b38ba664cbaaa7fe80c6d17e898_Duration" hidden="1">
            <a:extLst>
              <a:ext uri="{FF2B5EF4-FFF2-40B4-BE49-F238E27FC236}">
                <a16:creationId xmlns:a16="http://schemas.microsoft.com/office/drawing/2014/main" id="{EABFB4A6-5105-4CB6-9D33-0F74F76470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63455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499 jours</a:t>
            </a:r>
          </a:p>
        </p:txBody>
      </p:sp>
      <p:sp>
        <p:nvSpPr>
          <p:cNvPr id="1073" name="OTLSHAPE_T_60581b38ba664cbaaa7fe80c6d17e898_TextPercentage" hidden="1">
            <a:extLst>
              <a:ext uri="{FF2B5EF4-FFF2-40B4-BE49-F238E27FC236}">
                <a16:creationId xmlns:a16="http://schemas.microsoft.com/office/drawing/2014/main" id="{7A6FF864-34E6-424B-B3CC-CA27F020949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" name="OTLSHAPE_T_60581b38ba664cbaaa7fe80c6d17e898_StartDate" hidden="1">
            <a:extLst>
              <a:ext uri="{FF2B5EF4-FFF2-40B4-BE49-F238E27FC236}">
                <a16:creationId xmlns:a16="http://schemas.microsoft.com/office/drawing/2014/main" id="{E785F348-B73A-460C-920E-0DAB774ACAE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5" name="OTLSHAPE_T_60581b38ba664cbaaa7fe80c6d17e898_EndDate" hidden="1">
            <a:extLst>
              <a:ext uri="{FF2B5EF4-FFF2-40B4-BE49-F238E27FC236}">
                <a16:creationId xmlns:a16="http://schemas.microsoft.com/office/drawing/2014/main" id="{169A8D2B-D157-426B-B43B-E2877825803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6" name="OTLSHAPE_T_60581b38ba664cbaaa7fe80c6d17e898_JoinedDate">
            <a:extLst>
              <a:ext uri="{FF2B5EF4-FFF2-40B4-BE49-F238E27FC236}">
                <a16:creationId xmlns:a16="http://schemas.microsoft.com/office/drawing/2014/main" id="{A265561D-8672-4B25-9009-BD2D6A6D1CD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60613" y="36043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3/31/2018 - 1/31/2025</a:t>
            </a:r>
          </a:p>
        </p:txBody>
      </p:sp>
      <p:sp>
        <p:nvSpPr>
          <p:cNvPr id="1077" name="OTLSHAPE_T_60581b38ba664cbaaa7fe80c6d17e898_Title">
            <a:extLst>
              <a:ext uri="{FF2B5EF4-FFF2-40B4-BE49-F238E27FC236}">
                <a16:creationId xmlns:a16="http://schemas.microsoft.com/office/drawing/2014/main" id="{3CB85637-6A38-4836-886B-3847F0382BA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23968" y="359657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B (EU)</a:t>
            </a:r>
          </a:p>
        </p:txBody>
      </p:sp>
      <p:sp>
        <p:nvSpPr>
          <p:cNvPr id="1078" name="OTLSHAPE_T_5ef29ca6f6f046d494d22ad4a7c150ed_Shape">
            <a:extLst>
              <a:ext uri="{FF2B5EF4-FFF2-40B4-BE49-F238E27FC236}">
                <a16:creationId xmlns:a16="http://schemas.microsoft.com/office/drawing/2014/main" id="{EECA2EF8-A4E5-4FCB-A0AF-98DF50945C2C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473988" y="38469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9" name="OTLSHAPE_T_5ef29ca6f6f046d494d22ad4a7c150ed_ShapePercentage" hidden="1">
            <a:extLst>
              <a:ext uri="{FF2B5EF4-FFF2-40B4-BE49-F238E27FC236}">
                <a16:creationId xmlns:a16="http://schemas.microsoft.com/office/drawing/2014/main" id="{49904100-EE29-4E2F-8AAD-3CE61BF7F727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827702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0" name="OTLSHAPE_T_5ef29ca6f6f046d494d22ad4a7c150ed_Duration" hidden="1">
            <a:extLst>
              <a:ext uri="{FF2B5EF4-FFF2-40B4-BE49-F238E27FC236}">
                <a16:creationId xmlns:a16="http://schemas.microsoft.com/office/drawing/2014/main" id="{2694DB46-F9C0-4725-9B7F-4BFAD774876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6612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7 jours</a:t>
            </a:r>
          </a:p>
        </p:txBody>
      </p:sp>
      <p:sp>
        <p:nvSpPr>
          <p:cNvPr id="1081" name="OTLSHAPE_T_5ef29ca6f6f046d494d22ad4a7c150ed_TextPercentage" hidden="1">
            <a:extLst>
              <a:ext uri="{FF2B5EF4-FFF2-40B4-BE49-F238E27FC236}">
                <a16:creationId xmlns:a16="http://schemas.microsoft.com/office/drawing/2014/main" id="{5AD46A3A-411A-4D33-9E26-2D59C2A4CCB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T_5ef29ca6f6f046d494d22ad4a7c150ed_StartDate" hidden="1">
            <a:extLst>
              <a:ext uri="{FF2B5EF4-FFF2-40B4-BE49-F238E27FC236}">
                <a16:creationId xmlns:a16="http://schemas.microsoft.com/office/drawing/2014/main" id="{5EB38424-D358-487D-9D5F-561E9BF1959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3" name="OTLSHAPE_T_5ef29ca6f6f046d494d22ad4a7c150ed_EndDate" hidden="1">
            <a:extLst>
              <a:ext uri="{FF2B5EF4-FFF2-40B4-BE49-F238E27FC236}">
                <a16:creationId xmlns:a16="http://schemas.microsoft.com/office/drawing/2014/main" id="{B5A33C35-C777-4CC0-9D41-1BB7B9AD00F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T_5ef29ca6f6f046d494d22ad4a7c150ed_JoinedDate">
            <a:extLst>
              <a:ext uri="{FF2B5EF4-FFF2-40B4-BE49-F238E27FC236}">
                <a16:creationId xmlns:a16="http://schemas.microsoft.com/office/drawing/2014/main" id="{A0B0CB27-EA26-49D7-86F7-A5CD891DE01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245779" y="3871017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11/15/2020 - 11/15/2027</a:t>
            </a:r>
          </a:p>
        </p:txBody>
      </p:sp>
      <p:sp>
        <p:nvSpPr>
          <p:cNvPr id="1085" name="OTLSHAPE_T_5ef29ca6f6f046d494d22ad4a7c150ed_Title">
            <a:extLst>
              <a:ext uri="{FF2B5EF4-FFF2-40B4-BE49-F238E27FC236}">
                <a16:creationId xmlns:a16="http://schemas.microsoft.com/office/drawing/2014/main" id="{6B46CE82-5CBD-4DDA-B98D-9DCB0EDB12A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23968" y="3863269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b="1" spc="-2">
                <a:solidFill>
                  <a:schemeClr val="dk1"/>
                </a:solidFill>
                <a:latin typeface="+mn-lt"/>
              </a:rPr>
              <a:t>Jason-CS/Sentinel-6A (Esa/Eumetsat/Nasa)</a:t>
            </a:r>
            <a:endParaRPr lang="fr-FR" sz="1100" b="1" spc="-2">
              <a:solidFill>
                <a:schemeClr val="dk1"/>
              </a:solidFill>
              <a:latin typeface="+mn-lt"/>
            </a:endParaRPr>
          </a:p>
        </p:txBody>
      </p:sp>
      <p:sp>
        <p:nvSpPr>
          <p:cNvPr id="1086" name="OTLSHAPE_T_bfc5800c10984f0a945f0021608a1f3f_Shape">
            <a:extLst>
              <a:ext uri="{FF2B5EF4-FFF2-40B4-BE49-F238E27FC236}">
                <a16:creationId xmlns:a16="http://schemas.microsoft.com/office/drawing/2014/main" id="{F90D7ACE-DE0A-45E5-B2D0-30395D10A5DA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781573" y="4113629"/>
            <a:ext cx="74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7" name="OTLSHAPE_T_bfc5800c10984f0a945f0021608a1f3f_ShapePercentage" hidden="1">
            <a:extLst>
              <a:ext uri="{FF2B5EF4-FFF2-40B4-BE49-F238E27FC236}">
                <a16:creationId xmlns:a16="http://schemas.microsoft.com/office/drawing/2014/main" id="{780B4907-1D2D-49DF-9067-4410456A36F6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584605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8" name="OTLSHAPE_T_bfc5800c10984f0a945f0021608a1f3f_Duration" hidden="1">
            <a:extLst>
              <a:ext uri="{FF2B5EF4-FFF2-40B4-BE49-F238E27FC236}">
                <a16:creationId xmlns:a16="http://schemas.microsoft.com/office/drawing/2014/main" id="{A63D2F78-E66B-4067-8DBD-70497549B09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6878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097 jours</a:t>
            </a:r>
          </a:p>
        </p:txBody>
      </p:sp>
      <p:sp>
        <p:nvSpPr>
          <p:cNvPr id="1089" name="OTLSHAPE_T_bfc5800c10984f0a945f0021608a1f3f_TextPercentage" hidden="1">
            <a:extLst>
              <a:ext uri="{FF2B5EF4-FFF2-40B4-BE49-F238E27FC236}">
                <a16:creationId xmlns:a16="http://schemas.microsoft.com/office/drawing/2014/main" id="{97070331-98FF-46CA-877E-8EBC433EAFC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0" name="OTLSHAPE_T_bfc5800c10984f0a945f0021608a1f3f_StartDate" hidden="1">
            <a:extLst>
              <a:ext uri="{FF2B5EF4-FFF2-40B4-BE49-F238E27FC236}">
                <a16:creationId xmlns:a16="http://schemas.microsoft.com/office/drawing/2014/main" id="{F6896493-9D87-41C7-9AB0-2543CC8297F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1" name="OTLSHAPE_T_bfc5800c10984f0a945f0021608a1f3f_EndDate" hidden="1">
            <a:extLst>
              <a:ext uri="{FF2B5EF4-FFF2-40B4-BE49-F238E27FC236}">
                <a16:creationId xmlns:a16="http://schemas.microsoft.com/office/drawing/2014/main" id="{9267755B-D67F-4FC3-8C9A-AC2AD7ACE29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2" name="OTLSHAPE_T_bfc5800c10984f0a945f0021608a1f3f_JoinedDate">
            <a:extLst>
              <a:ext uri="{FF2B5EF4-FFF2-40B4-BE49-F238E27FC236}">
                <a16:creationId xmlns:a16="http://schemas.microsoft.com/office/drawing/2014/main" id="{DCFDB5FC-5A72-42DE-8439-692A1BACD6E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570709" y="41377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2/15/2022 - 2/15/2025</a:t>
            </a:r>
          </a:p>
        </p:txBody>
      </p:sp>
      <p:sp>
        <p:nvSpPr>
          <p:cNvPr id="1093" name="OTLSHAPE_T_bfc5800c10984f0a945f0021608a1f3f_Title">
            <a:extLst>
              <a:ext uri="{FF2B5EF4-FFF2-40B4-BE49-F238E27FC236}">
                <a16:creationId xmlns:a16="http://schemas.microsoft.com/office/drawing/2014/main" id="{5F780928-60B2-41E7-9B91-AD71E04316B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23968" y="4129969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wot (Nasa/Cnes)</a:t>
            </a:r>
          </a:p>
        </p:txBody>
      </p:sp>
      <p:sp>
        <p:nvSpPr>
          <p:cNvPr id="1094" name="OTLSHAPE_T_540020eeff4144c0adb88cb80c6329e2_Shape">
            <a:extLst>
              <a:ext uri="{FF2B5EF4-FFF2-40B4-BE49-F238E27FC236}">
                <a16:creationId xmlns:a16="http://schemas.microsoft.com/office/drawing/2014/main" id="{76CAA860-AF78-49FA-84F9-3E669BF03CA4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9118771" y="4380329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5" name="OTLSHAPE_T_540020eeff4144c0adb88cb80c6329e2_ShapePercentage" hidden="1">
            <a:extLst>
              <a:ext uri="{FF2B5EF4-FFF2-40B4-BE49-F238E27FC236}">
                <a16:creationId xmlns:a16="http://schemas.microsoft.com/office/drawing/2014/main" id="{69A3A070-471B-43EF-B57D-7FB9176473B5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8921803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6" name="OTLSHAPE_T_540020eeff4144c0adb88cb80c6329e2_Duration" hidden="1">
            <a:extLst>
              <a:ext uri="{FF2B5EF4-FFF2-40B4-BE49-F238E27FC236}">
                <a16:creationId xmlns:a16="http://schemas.microsoft.com/office/drawing/2014/main" id="{C74BD75E-D3AB-4514-9AAD-85ADD7E6C83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7145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97" name="OTLSHAPE_T_540020eeff4144c0adb88cb80c6329e2_TextPercentage" hidden="1">
            <a:extLst>
              <a:ext uri="{FF2B5EF4-FFF2-40B4-BE49-F238E27FC236}">
                <a16:creationId xmlns:a16="http://schemas.microsoft.com/office/drawing/2014/main" id="{6B2CF6CE-2493-4A27-AE0A-F320FBC1FA6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8" name="OTLSHAPE_T_540020eeff4144c0adb88cb80c6329e2_StartDate" hidden="1">
            <a:extLst>
              <a:ext uri="{FF2B5EF4-FFF2-40B4-BE49-F238E27FC236}">
                <a16:creationId xmlns:a16="http://schemas.microsoft.com/office/drawing/2014/main" id="{99B6831B-E632-4134-81A0-71E392CBABB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9" name="OTLSHAPE_T_540020eeff4144c0adb88cb80c6329e2_EndDate" hidden="1">
            <a:extLst>
              <a:ext uri="{FF2B5EF4-FFF2-40B4-BE49-F238E27FC236}">
                <a16:creationId xmlns:a16="http://schemas.microsoft.com/office/drawing/2014/main" id="{DD258C4C-8E7C-43FD-B7A7-F971F45787D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0" name="OTLSHAPE_T_540020eeff4144c0adb88cb80c6329e2_JoinedDate">
            <a:extLst>
              <a:ext uri="{FF2B5EF4-FFF2-40B4-BE49-F238E27FC236}">
                <a16:creationId xmlns:a16="http://schemas.microsoft.com/office/drawing/2014/main" id="{953DC9E1-10A5-4574-AC7F-33210242C8B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891234" y="440441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+mn-lt"/>
              </a:rPr>
              <a:t>7/1/2023 - 7/1/2030</a:t>
            </a:r>
          </a:p>
        </p:txBody>
      </p:sp>
      <p:sp>
        <p:nvSpPr>
          <p:cNvPr id="1101" name="OTLSHAPE_T_540020eeff4144c0adb88cb80c6329e2_Title">
            <a:extLst>
              <a:ext uri="{FF2B5EF4-FFF2-40B4-BE49-F238E27FC236}">
                <a16:creationId xmlns:a16="http://schemas.microsoft.com/office/drawing/2014/main" id="{8833ECD0-501C-411E-9A66-E03E5F3725A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23968" y="439666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+mn-lt"/>
              </a:rPr>
              <a:t>Sentinel-3C (EU)</a:t>
            </a:r>
          </a:p>
        </p:txBody>
      </p:sp>
      <p:sp>
        <p:nvSpPr>
          <p:cNvPr id="1102" name="OTLSHAPE_T_d82c20d902c540f7af38d2e89d147184_Shape">
            <a:extLst>
              <a:ext uri="{FF2B5EF4-FFF2-40B4-BE49-F238E27FC236}">
                <a16:creationId xmlns:a16="http://schemas.microsoft.com/office/drawing/2014/main" id="{C4FC18FE-D410-4A12-AC87-9BA60AA79A9A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610771" y="4700454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3" name="OTLSHAPE_T_d82c20d902c540f7af38d2e89d147184_ShapePercentage" hidden="1">
            <a:extLst>
              <a:ext uri="{FF2B5EF4-FFF2-40B4-BE49-F238E27FC236}">
                <a16:creationId xmlns:a16="http://schemas.microsoft.com/office/drawing/2014/main" id="{277F68A9-67E4-404F-9FE6-12390F0EE1B0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9413803" y="74657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4" name="OTLSHAPE_T_d82c20d902c540f7af38d2e89d147184_Duration" hidden="1">
            <a:extLst>
              <a:ext uri="{FF2B5EF4-FFF2-40B4-BE49-F238E27FC236}">
                <a16:creationId xmlns:a16="http://schemas.microsoft.com/office/drawing/2014/main" id="{D9DB98B6-C71F-4908-9EA5-24227A05B04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7412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05" name="OTLSHAPE_T_d82c20d902c540f7af38d2e89d147184_TextPercentage" hidden="1">
            <a:extLst>
              <a:ext uri="{FF2B5EF4-FFF2-40B4-BE49-F238E27FC236}">
                <a16:creationId xmlns:a16="http://schemas.microsoft.com/office/drawing/2014/main" id="{99882954-9B34-46F7-9FB0-B01FFDE5752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6" name="OTLSHAPE_T_d82c20d902c540f7af38d2e89d147184_StartDate" hidden="1">
            <a:extLst>
              <a:ext uri="{FF2B5EF4-FFF2-40B4-BE49-F238E27FC236}">
                <a16:creationId xmlns:a16="http://schemas.microsoft.com/office/drawing/2014/main" id="{ACBBA0D7-F368-459A-B14D-47D6C2B9D09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7" name="OTLSHAPE_T_d82c20d902c540f7af38d2e89d147184_EndDate" hidden="1">
            <a:extLst>
              <a:ext uri="{FF2B5EF4-FFF2-40B4-BE49-F238E27FC236}">
                <a16:creationId xmlns:a16="http://schemas.microsoft.com/office/drawing/2014/main" id="{49B2BA57-9877-4605-8546-1CDD87A5D69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8" name="OTLSHAPE_T_d82c20d902c540f7af38d2e89d147184_JoinedDate">
            <a:extLst>
              <a:ext uri="{FF2B5EF4-FFF2-40B4-BE49-F238E27FC236}">
                <a16:creationId xmlns:a16="http://schemas.microsoft.com/office/drawing/2014/main" id="{55A99C1C-E1C3-4406-A8FF-DD3335B4BFC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1383234" y="4647029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+mn-lt"/>
              </a:rPr>
              <a:t>7/1/2025 - 7/1/2032</a:t>
            </a:r>
          </a:p>
        </p:txBody>
      </p:sp>
      <p:sp>
        <p:nvSpPr>
          <p:cNvPr id="1109" name="OTLSHAPE_T_d82c20d902c540f7af38d2e89d147184_Title">
            <a:extLst>
              <a:ext uri="{FF2B5EF4-FFF2-40B4-BE49-F238E27FC236}">
                <a16:creationId xmlns:a16="http://schemas.microsoft.com/office/drawing/2014/main" id="{14AEDE16-A576-4165-8DCC-C7FBEB0EA59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23968" y="4716794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+mn-lt"/>
              </a:rPr>
              <a:t>Sentinel-3D (EU)</a:t>
            </a:r>
          </a:p>
        </p:txBody>
      </p:sp>
      <p:sp>
        <p:nvSpPr>
          <p:cNvPr id="1110" name="OTLSHAPE_T_f98ee9d0e303429a8b73596b9f95407e_Shape">
            <a:extLst>
              <a:ext uri="{FF2B5EF4-FFF2-40B4-BE49-F238E27FC236}">
                <a16:creationId xmlns:a16="http://schemas.microsoft.com/office/drawing/2014/main" id="{B41F8A26-14EF-4E26-B6DA-6EFBF919A01E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9702979" y="5074003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1" name="OTLSHAPE_T_f98ee9d0e303429a8b73596b9f95407e_ShapePercentage" hidden="1">
            <a:extLst>
              <a:ext uri="{FF2B5EF4-FFF2-40B4-BE49-F238E27FC236}">
                <a16:creationId xmlns:a16="http://schemas.microsoft.com/office/drawing/2014/main" id="{0FE0272D-C7B3-43EB-A2AF-8F2EE73690F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9506011" y="78393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2" name="OTLSHAPE_T_f98ee9d0e303429a8b73596b9f95407e_Duration" hidden="1">
            <a:extLst>
              <a:ext uri="{FF2B5EF4-FFF2-40B4-BE49-F238E27FC236}">
                <a16:creationId xmlns:a16="http://schemas.microsoft.com/office/drawing/2014/main" id="{EFD75ED8-DED5-47D1-B40A-200562F76B8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778590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13" name="OTLSHAPE_T_f98ee9d0e303429a8b73596b9f95407e_TextPercentage" hidden="1">
            <a:extLst>
              <a:ext uri="{FF2B5EF4-FFF2-40B4-BE49-F238E27FC236}">
                <a16:creationId xmlns:a16="http://schemas.microsoft.com/office/drawing/2014/main" id="{973FBFF6-2A97-499A-8C0B-BFFE51EF446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4" name="OTLSHAPE_T_f98ee9d0e303429a8b73596b9f95407e_StartDate" hidden="1">
            <a:extLst>
              <a:ext uri="{FF2B5EF4-FFF2-40B4-BE49-F238E27FC236}">
                <a16:creationId xmlns:a16="http://schemas.microsoft.com/office/drawing/2014/main" id="{F146A141-80AE-4B6C-928C-AC0971E09C1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T_f98ee9d0e303429a8b73596b9f95407e_EndDate" hidden="1">
            <a:extLst>
              <a:ext uri="{FF2B5EF4-FFF2-40B4-BE49-F238E27FC236}">
                <a16:creationId xmlns:a16="http://schemas.microsoft.com/office/drawing/2014/main" id="{C87A6262-D4D6-40CB-9D61-686807CC92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6" name="OTLSHAPE_T_f98ee9d0e303429a8b73596b9f95407e_JoinedDate">
            <a:extLst>
              <a:ext uri="{FF2B5EF4-FFF2-40B4-BE49-F238E27FC236}">
                <a16:creationId xmlns:a16="http://schemas.microsoft.com/office/drawing/2014/main" id="{1D8B52BB-A409-4E9F-A610-B4C1242557E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1475442" y="5020579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+mn-lt"/>
              </a:rPr>
              <a:t>11/15/2025 - 11/15/2032</a:t>
            </a:r>
          </a:p>
        </p:txBody>
      </p:sp>
      <p:sp>
        <p:nvSpPr>
          <p:cNvPr id="1117" name="OTLSHAPE_T_f98ee9d0e303429a8b73596b9f95407e_Title">
            <a:extLst>
              <a:ext uri="{FF2B5EF4-FFF2-40B4-BE49-F238E27FC236}">
                <a16:creationId xmlns:a16="http://schemas.microsoft.com/office/drawing/2014/main" id="{1B0A9D6A-2921-4BD6-BC94-0CF7541425C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23968" y="5090343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+mn-lt"/>
              </a:rPr>
              <a:t>Jason-CS/Sentinel-6B (EU/Eumetsat/Nasa)</a:t>
            </a:r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49BA4B5B-BC26-492E-83CA-409EC086CA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timetry missions used in hydrology	</a:t>
            </a:r>
            <a:endParaRPr lang="fr-FR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69263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B1E7A7EA-4EB0-4C66-A0A6-7D2E17991F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timetry satellites, from open ocean to rivers	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F88AF7F8-D351-4341-946E-8311F721F5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 technique born to measure the ocean (first in 1969). </a:t>
            </a:r>
            <a:br>
              <a:rPr lang="en-US" dirty="0"/>
            </a:br>
            <a:r>
              <a:rPr lang="en-US" dirty="0"/>
              <a:t>First satellites (1970s) had a 1-m accuracy</a:t>
            </a:r>
          </a:p>
          <a:p>
            <a:r>
              <a:rPr lang="en-US" dirty="0"/>
              <a:t>1990s: ERS-1, </a:t>
            </a:r>
            <a:r>
              <a:rPr lang="en-US" dirty="0" err="1"/>
              <a:t>Topex</a:t>
            </a:r>
            <a:r>
              <a:rPr lang="en-US" dirty="0"/>
              <a:t>/Poseidon used over lakes, large rivers</a:t>
            </a:r>
          </a:p>
          <a:p>
            <a:r>
              <a:rPr lang="en-US" dirty="0"/>
              <a:t>Envisat &amp; </a:t>
            </a:r>
            <a:r>
              <a:rPr lang="en-US" dirty="0" err="1"/>
              <a:t>Saral</a:t>
            </a:r>
            <a:r>
              <a:rPr lang="en-US" dirty="0"/>
              <a:t>, then Sentinel-3, Jason-2 &amp; follow-on continues on  these measurements</a:t>
            </a:r>
          </a:p>
          <a:p>
            <a:r>
              <a:rPr lang="en-US" dirty="0" err="1"/>
              <a:t>Saral</a:t>
            </a:r>
            <a:r>
              <a:rPr lang="en-US" dirty="0"/>
              <a:t>: higher spatial resolution (smaller beam)</a:t>
            </a:r>
          </a:p>
          <a:p>
            <a:r>
              <a:rPr lang="en-US" dirty="0"/>
              <a:t>Cryosat-2, Sentinel-3A&amp;B: use of synthetic aperture techniques (« division » of the beam in smaller units by processing the radar echo)</a:t>
            </a:r>
          </a:p>
          <a:p>
            <a:r>
              <a:rPr lang="en-US" dirty="0"/>
              <a:t>2022: Swot, an interferometric wide-swath imager</a:t>
            </a:r>
          </a:p>
        </p:txBody>
      </p:sp>
    </p:spTree>
    <p:extLst>
      <p:ext uri="{BB962C8B-B14F-4D97-AF65-F5344CB8AC3E}">
        <p14:creationId xmlns:p14="http://schemas.microsoft.com/office/powerpoint/2010/main" val="41855360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Rectangle 16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RS-1 &amp; 2	</a:t>
            </a:r>
          </a:p>
        </p:txBody>
      </p:sp>
      <p:sp>
        <p:nvSpPr>
          <p:cNvPr id="13315" name="Rectangle 24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000" dirty="0" err="1"/>
              <a:t>Esa</a:t>
            </a:r>
            <a:endParaRPr lang="en-GB" sz="2000" dirty="0"/>
          </a:p>
          <a:p>
            <a:r>
              <a:rPr lang="en-GB" sz="2000" dirty="0"/>
              <a:t>Launched:	17 July 1991 (ERS-1)</a:t>
            </a:r>
          </a:p>
          <a:p>
            <a:pPr marL="0" indent="0">
              <a:buNone/>
            </a:pPr>
            <a:r>
              <a:rPr lang="en-GB" sz="2000" dirty="0"/>
              <a:t>	  	21 April 1995 (ERS-2)</a:t>
            </a:r>
          </a:p>
          <a:p>
            <a:r>
              <a:rPr lang="en-GB" sz="2000" dirty="0"/>
              <a:t>End of mission:	June 1996  (ERS-1)</a:t>
            </a:r>
          </a:p>
          <a:p>
            <a:pPr marL="0" indent="0">
              <a:buNone/>
            </a:pPr>
            <a:r>
              <a:rPr lang="en-GB" sz="2000" dirty="0"/>
              <a:t>June 2011 (end of global coverage in June 2003 for ERS-2)</a:t>
            </a:r>
          </a:p>
          <a:p>
            <a:r>
              <a:rPr lang="en-GB" sz="2000" dirty="0"/>
              <a:t>Mission:	To observe the Earth and its environment  </a:t>
            </a:r>
          </a:p>
          <a:p>
            <a:r>
              <a:rPr lang="en-GB" sz="2000" dirty="0"/>
              <a:t>Altitude: 	782 to 785 km </a:t>
            </a:r>
          </a:p>
          <a:p>
            <a:r>
              <a:rPr lang="en-GB" sz="2000" dirty="0"/>
              <a:t>Payload instruments:</a:t>
            </a:r>
          </a:p>
          <a:p>
            <a:pPr lvl="1"/>
            <a:r>
              <a:rPr lang="en-GB" sz="1800" dirty="0"/>
              <a:t>	Single-frequency radar altimeter (RA)</a:t>
            </a:r>
          </a:p>
          <a:p>
            <a:pPr lvl="1"/>
            <a:r>
              <a:rPr lang="en-GB" sz="1800" dirty="0"/>
              <a:t>	Dual-frequency radiometer (MWR)</a:t>
            </a:r>
          </a:p>
          <a:p>
            <a:pPr lvl="1"/>
            <a:r>
              <a:rPr lang="en-GB" sz="1800" dirty="0"/>
              <a:t>	Laser for orbit determination</a:t>
            </a:r>
          </a:p>
          <a:p>
            <a:r>
              <a:rPr lang="en-GB" sz="2000" dirty="0"/>
              <a:t>Orbit:</a:t>
            </a:r>
          </a:p>
          <a:p>
            <a:pPr lvl="1"/>
            <a:r>
              <a:rPr lang="en-GB" sz="1800" dirty="0"/>
              <a:t>	Inclination: 98.52°</a:t>
            </a:r>
          </a:p>
          <a:p>
            <a:pPr lvl="1"/>
            <a:r>
              <a:rPr lang="en-GB" sz="1800" dirty="0"/>
              <a:t>	Revisit frequency: 35 days </a:t>
            </a:r>
            <a:br>
              <a:rPr lang="en-GB" sz="1800" dirty="0"/>
            </a:br>
            <a:r>
              <a:rPr lang="en-GB" sz="1800" dirty="0"/>
              <a:t>	        3 days (ERS-1 ice phase)</a:t>
            </a:r>
            <a:br>
              <a:rPr lang="en-GB" sz="1800" dirty="0"/>
            </a:br>
            <a:r>
              <a:rPr lang="en-GB" sz="1800" dirty="0"/>
              <a:t>	     168 days (ERS-1 geodetic phase)</a:t>
            </a:r>
          </a:p>
          <a:p>
            <a:pPr lvl="1"/>
            <a:r>
              <a:rPr lang="en-GB" sz="1800" dirty="0"/>
              <a:t>	Inter-track distance at the equator: 80 km (35-day cycle)</a:t>
            </a:r>
          </a:p>
        </p:txBody>
      </p:sp>
      <p:grpSp>
        <p:nvGrpSpPr>
          <p:cNvPr id="3" name="Groupe 2">
            <a:extLst>
              <a:ext uri="{FF2B5EF4-FFF2-40B4-BE49-F238E27FC236}">
                <a16:creationId xmlns:a16="http://schemas.microsoft.com/office/drawing/2014/main" id="{038D6C17-A8AF-479F-81DC-85A5A2877BA6}"/>
              </a:ext>
            </a:extLst>
          </p:cNvPr>
          <p:cNvGrpSpPr/>
          <p:nvPr/>
        </p:nvGrpSpPr>
        <p:grpSpPr>
          <a:xfrm>
            <a:off x="6357365" y="1034653"/>
            <a:ext cx="5734675" cy="5250345"/>
            <a:chOff x="6357365" y="1034653"/>
            <a:chExt cx="5734675" cy="5250345"/>
          </a:xfrm>
        </p:grpSpPr>
        <p:pic>
          <p:nvPicPr>
            <p:cNvPr id="2" name="Image 1">
              <a:extLst>
                <a:ext uri="{FF2B5EF4-FFF2-40B4-BE49-F238E27FC236}">
                  <a16:creationId xmlns:a16="http://schemas.microsoft.com/office/drawing/2014/main" id="{4826E186-A22C-4BF6-B649-95BA8BBC138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357365" y="1034653"/>
              <a:ext cx="5691759" cy="5229113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54471470-31E7-408A-8A41-B21A9AC06569}"/>
                </a:ext>
              </a:extLst>
            </p:cNvPr>
            <p:cNvSpPr txBox="1"/>
            <p:nvPr/>
          </p:nvSpPr>
          <p:spPr>
            <a:xfrm>
              <a:off x="11363956" y="5977221"/>
              <a:ext cx="72808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4" name="Groupe 3">
            <a:extLst>
              <a:ext uri="{FF2B5EF4-FFF2-40B4-BE49-F238E27FC236}">
                <a16:creationId xmlns:a16="http://schemas.microsoft.com/office/drawing/2014/main" id="{5D415A2A-9286-42E4-B4FC-CE8D19A6787C}"/>
              </a:ext>
            </a:extLst>
          </p:cNvPr>
          <p:cNvGrpSpPr/>
          <p:nvPr/>
        </p:nvGrpSpPr>
        <p:grpSpPr>
          <a:xfrm>
            <a:off x="2855640" y="0"/>
            <a:ext cx="1440160" cy="1237142"/>
            <a:chOff x="2855640" y="0"/>
            <a:chExt cx="1440160" cy="1237142"/>
          </a:xfrm>
        </p:grpSpPr>
        <p:pic>
          <p:nvPicPr>
            <p:cNvPr id="13317" name="Picture 31" descr="ers copier"/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55640" y="0"/>
              <a:ext cx="1440160" cy="123714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1D82C541-80F6-4395-A702-7869685FA270}"/>
                </a:ext>
              </a:extLst>
            </p:cNvPr>
            <p:cNvSpPr txBox="1"/>
            <p:nvPr/>
          </p:nvSpPr>
          <p:spPr>
            <a:xfrm>
              <a:off x="3143672" y="828675"/>
              <a:ext cx="41549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600" dirty="0">
                  <a:solidFill>
                    <a:schemeClr val="bg2">
                      <a:lumMod val="50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Topex</a:t>
            </a:r>
            <a:r>
              <a:rPr lang="en-GB" dirty="0"/>
              <a:t>/Poseidon	</a:t>
            </a:r>
          </a:p>
        </p:txBody>
      </p:sp>
      <p:sp>
        <p:nvSpPr>
          <p:cNvPr id="14339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828675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Nasa/Cnes</a:t>
            </a:r>
          </a:p>
          <a:p>
            <a:r>
              <a:rPr lang="en-GB" sz="2400" dirty="0"/>
              <a:t>Launched: 	10 August 1992</a:t>
            </a:r>
          </a:p>
          <a:p>
            <a:r>
              <a:rPr lang="en-GB" sz="2400" dirty="0"/>
              <a:t>End of mission:	 5 January 2006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</a:t>
            </a:r>
            <a:r>
              <a:rPr lang="en-GB" sz="2000" dirty="0" err="1"/>
              <a:t>Topex</a:t>
            </a:r>
            <a:r>
              <a:rPr lang="en-GB" sz="2000" dirty="0"/>
              <a:t>)</a:t>
            </a:r>
          </a:p>
          <a:p>
            <a:pPr lvl="1"/>
            <a:r>
              <a:rPr lang="en-GB" sz="2000" dirty="0"/>
              <a:t>	Experimental single-frequency altimeter (Poseidon-1)</a:t>
            </a:r>
          </a:p>
          <a:p>
            <a:pPr lvl="1"/>
            <a:r>
              <a:rPr lang="en-GB" sz="2000" dirty="0"/>
              <a:t>	3-frequency radiometer (TMR) </a:t>
            </a:r>
          </a:p>
          <a:p>
            <a:pPr lvl="1"/>
            <a:r>
              <a:rPr lang="en-GB" sz="2000" dirty="0"/>
              <a:t>	Orbit determination: laser (LRA), Doris, GPS (GPSDR)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8AD3D16D-3100-405D-9C9C-1B2602C5D78A}"/>
              </a:ext>
            </a:extLst>
          </p:cNvPr>
          <p:cNvGrpSpPr/>
          <p:nvPr/>
        </p:nvGrpSpPr>
        <p:grpSpPr>
          <a:xfrm>
            <a:off x="3988117" y="-143433"/>
            <a:ext cx="3164244" cy="1944216"/>
            <a:chOff x="4007769" y="-287449"/>
            <a:chExt cx="3164244" cy="1944216"/>
          </a:xfrm>
        </p:grpSpPr>
        <p:pic>
          <p:nvPicPr>
            <p:cNvPr id="14340" name="Picture 14" descr="TOPEX1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4007769" y="-287449"/>
              <a:ext cx="3164244" cy="194421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C0A675CF-EDED-4936-9F94-CBB039858DC9}"/>
                </a:ext>
              </a:extLst>
            </p:cNvPr>
            <p:cNvSpPr txBox="1"/>
            <p:nvPr/>
          </p:nvSpPr>
          <p:spPr>
            <a:xfrm>
              <a:off x="4281540" y="1376618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15" name="Image 14">
            <a:extLst>
              <a:ext uri="{FF2B5EF4-FFF2-40B4-BE49-F238E27FC236}">
                <a16:creationId xmlns:a16="http://schemas.microsoft.com/office/drawing/2014/main" id="{C53B798B-14B3-44D1-BE14-26099925C44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61567" y="1036754"/>
            <a:ext cx="4698001" cy="5328071"/>
          </a:xfrm>
          <a:prstGeom prst="rect">
            <a:avLst/>
          </a:prstGeom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Jason-1	</a:t>
            </a:r>
          </a:p>
        </p:txBody>
      </p:sp>
      <p:sp>
        <p:nvSpPr>
          <p:cNvPr id="1638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/>
              <a:t>Cnes/Nasa</a:t>
            </a:r>
          </a:p>
          <a:p>
            <a:r>
              <a:rPr lang="en-GB" sz="2400" dirty="0"/>
              <a:t>Launched:	7 December 2001</a:t>
            </a:r>
          </a:p>
          <a:p>
            <a:r>
              <a:rPr lang="en-GB" sz="2400" dirty="0"/>
              <a:t>End of mission:	1st July 2013</a:t>
            </a:r>
          </a:p>
          <a:p>
            <a:r>
              <a:rPr lang="en-GB" sz="2400" dirty="0"/>
              <a:t>Mission:	To measure the height of the oceans</a:t>
            </a:r>
          </a:p>
          <a:p>
            <a:r>
              <a:rPr lang="en-GB" sz="2400" dirty="0"/>
              <a:t>Altitude:	1,336 km</a:t>
            </a:r>
          </a:p>
          <a:p>
            <a:r>
              <a:rPr lang="en-GB" sz="2400" dirty="0"/>
              <a:t>Payload instruments:</a:t>
            </a:r>
          </a:p>
          <a:p>
            <a:pPr lvl="1"/>
            <a:r>
              <a:rPr lang="en-GB" sz="2000" dirty="0"/>
              <a:t>	Dual-frequency altimeter (Poseidon-2)</a:t>
            </a:r>
          </a:p>
          <a:p>
            <a:pPr lvl="1"/>
            <a:r>
              <a:rPr lang="en-GB" sz="2000" dirty="0"/>
              <a:t>	3-frequency radiometer (JMR)	</a:t>
            </a:r>
          </a:p>
          <a:p>
            <a:pPr lvl="1"/>
            <a:r>
              <a:rPr lang="en-GB" sz="2000" dirty="0"/>
              <a:t>	Orbit determination: Laser (LRA), GPS (TRSR), Doris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66° (non sun-synchronous) </a:t>
            </a:r>
          </a:p>
          <a:p>
            <a:pPr lvl="1"/>
            <a:r>
              <a:rPr lang="en-GB" sz="2000" dirty="0"/>
              <a:t>	Revisit frequency: 10 days</a:t>
            </a:r>
          </a:p>
          <a:p>
            <a:pPr lvl="1"/>
            <a:r>
              <a:rPr lang="en-GB" sz="2000" dirty="0"/>
              <a:t>	Inter-track distance at the equator: 315 km</a:t>
            </a:r>
          </a:p>
          <a:p>
            <a:endParaRPr lang="en-GB" sz="2400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A00630CC-338C-4758-A6C6-2147C7B3CB89}"/>
              </a:ext>
            </a:extLst>
          </p:cNvPr>
          <p:cNvSpPr txBox="1"/>
          <p:nvPr/>
        </p:nvSpPr>
        <p:spPr>
          <a:xfrm>
            <a:off x="1343472" y="6150114"/>
            <a:ext cx="1002362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>
                <a:latin typeface="Calibri" panose="020F0502020204030204" pitchFamily="34" charset="0"/>
                <a:cs typeface="Calibri" panose="020F0502020204030204" pitchFamily="34" charset="0"/>
              </a:rPr>
              <a:t>Satellite emission/reception scheme was not optimized for inland water, so few data available over lands</a:t>
            </a:r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B3D2B1EF-0F03-478B-AE2D-9A0D21920207}"/>
              </a:ext>
            </a:extLst>
          </p:cNvPr>
          <p:cNvGrpSpPr/>
          <p:nvPr/>
        </p:nvGrpSpPr>
        <p:grpSpPr>
          <a:xfrm>
            <a:off x="2062161" y="-195263"/>
            <a:ext cx="4048125" cy="1628775"/>
            <a:chOff x="2062161" y="-195263"/>
            <a:chExt cx="4048125" cy="1628775"/>
          </a:xfrm>
        </p:grpSpPr>
        <p:pic>
          <p:nvPicPr>
            <p:cNvPr id="16388" name="Picture 13" descr="JASON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062161" y="-195263"/>
              <a:ext cx="4048125" cy="162877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6" name="ZoneTexte 5">
              <a:extLst>
                <a:ext uri="{FF2B5EF4-FFF2-40B4-BE49-F238E27FC236}">
                  <a16:creationId xmlns:a16="http://schemas.microsoft.com/office/drawing/2014/main" id="{EF6C6260-E224-4FAA-AF71-FC2F329F272D}"/>
                </a:ext>
              </a:extLst>
            </p:cNvPr>
            <p:cNvSpPr txBox="1"/>
            <p:nvPr/>
          </p:nvSpPr>
          <p:spPr>
            <a:xfrm>
              <a:off x="2495600" y="101282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grpSp>
        <p:nvGrpSpPr>
          <p:cNvPr id="5" name="Groupe 4">
            <a:extLst>
              <a:ext uri="{FF2B5EF4-FFF2-40B4-BE49-F238E27FC236}">
                <a16:creationId xmlns:a16="http://schemas.microsoft.com/office/drawing/2014/main" id="{754FB843-EA59-4E21-8FFB-644CA57742E4}"/>
              </a:ext>
            </a:extLst>
          </p:cNvPr>
          <p:cNvGrpSpPr/>
          <p:nvPr/>
        </p:nvGrpSpPr>
        <p:grpSpPr>
          <a:xfrm>
            <a:off x="7537994" y="404664"/>
            <a:ext cx="4453930" cy="5846802"/>
            <a:chOff x="7537994" y="404664"/>
            <a:chExt cx="4453930" cy="5846802"/>
          </a:xfrm>
        </p:grpSpPr>
        <p:pic>
          <p:nvPicPr>
            <p:cNvPr id="4" name="Image 3">
              <a:extLst>
                <a:ext uri="{FF2B5EF4-FFF2-40B4-BE49-F238E27FC236}">
                  <a16:creationId xmlns:a16="http://schemas.microsoft.com/office/drawing/2014/main" id="{8376981E-928D-4375-92E7-79AC589B58D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624116" y="404664"/>
              <a:ext cx="4367808" cy="5846802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5361B709-8618-4A8B-9CA4-891F5D10E2C6}"/>
                </a:ext>
              </a:extLst>
            </p:cNvPr>
            <p:cNvSpPr txBox="1"/>
            <p:nvPr/>
          </p:nvSpPr>
          <p:spPr>
            <a:xfrm>
              <a:off x="7537994" y="5983561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/>
                <a:t>© Cnes/D. Ducros</a:t>
              </a:r>
            </a:p>
          </p:txBody>
        </p:sp>
      </p:grp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nvisat	</a:t>
            </a:r>
          </a:p>
        </p:txBody>
      </p:sp>
      <p:sp>
        <p:nvSpPr>
          <p:cNvPr id="17412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971128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400" dirty="0" err="1"/>
              <a:t>Esa</a:t>
            </a:r>
            <a:endParaRPr lang="en-GB" sz="2400" dirty="0"/>
          </a:p>
          <a:p>
            <a:r>
              <a:rPr lang="en-GB" sz="2400" dirty="0"/>
              <a:t>Launched:	1 March 2002</a:t>
            </a:r>
          </a:p>
          <a:p>
            <a:r>
              <a:rPr lang="en-GB" sz="2400" dirty="0"/>
              <a:t>End of mission: 9 May 2012</a:t>
            </a:r>
          </a:p>
          <a:p>
            <a:r>
              <a:rPr lang="en-GB" sz="2400" dirty="0"/>
              <a:t>Mission:	To observe the Earth and its </a:t>
            </a:r>
            <a:br>
              <a:rPr lang="en-GB" sz="2400" dirty="0"/>
            </a:br>
            <a:r>
              <a:rPr lang="en-GB" sz="2400" dirty="0"/>
              <a:t>		environment  </a:t>
            </a:r>
          </a:p>
          <a:p>
            <a:r>
              <a:rPr lang="en-GB" sz="2400" dirty="0"/>
              <a:t>Altitude:	800 km</a:t>
            </a:r>
          </a:p>
          <a:p>
            <a:r>
              <a:rPr lang="en-GB" sz="2400" dirty="0"/>
              <a:t>Payload instruments:</a:t>
            </a:r>
            <a:br>
              <a:rPr lang="en-GB" sz="2400" dirty="0"/>
            </a:br>
            <a:r>
              <a:rPr lang="en-GB" sz="2400" dirty="0"/>
              <a:t>10 different instruments including:</a:t>
            </a:r>
          </a:p>
          <a:p>
            <a:pPr lvl="1"/>
            <a:r>
              <a:rPr lang="en-GB" sz="2000" dirty="0"/>
              <a:t>	Radar altimeter (RA2)</a:t>
            </a:r>
          </a:p>
          <a:p>
            <a:pPr lvl="1"/>
            <a:r>
              <a:rPr lang="en-GB" sz="2000" dirty="0"/>
              <a:t>	Radiometer (MWR)</a:t>
            </a:r>
          </a:p>
          <a:p>
            <a:pPr lvl="1"/>
            <a:r>
              <a:rPr lang="en-GB" sz="2000" dirty="0"/>
              <a:t>	Orbit determination: laser (LRR), Doris	 </a:t>
            </a:r>
          </a:p>
          <a:p>
            <a:r>
              <a:rPr lang="en-GB" sz="2400" dirty="0"/>
              <a:t>Orbit:</a:t>
            </a:r>
          </a:p>
          <a:p>
            <a:pPr lvl="1"/>
            <a:r>
              <a:rPr lang="en-GB" sz="2000" dirty="0"/>
              <a:t>	Inclination: 98.5° (sun-synchronous) </a:t>
            </a:r>
          </a:p>
          <a:p>
            <a:pPr lvl="1"/>
            <a:r>
              <a:rPr lang="en-GB" sz="2000" dirty="0"/>
              <a:t>	Revisit frequency: 35 days</a:t>
            </a:r>
          </a:p>
          <a:p>
            <a:pPr lvl="1"/>
            <a:r>
              <a:rPr lang="en-GB" sz="2000" dirty="0"/>
              <a:t>	Inter-track distance at the equator: 80 km</a:t>
            </a:r>
          </a:p>
        </p:txBody>
      </p:sp>
      <p:grpSp>
        <p:nvGrpSpPr>
          <p:cNvPr id="2" name="Groupe 1">
            <a:extLst>
              <a:ext uri="{FF2B5EF4-FFF2-40B4-BE49-F238E27FC236}">
                <a16:creationId xmlns:a16="http://schemas.microsoft.com/office/drawing/2014/main" id="{ED9D24E1-99D2-4A62-A71B-373F2905B1F2}"/>
              </a:ext>
            </a:extLst>
          </p:cNvPr>
          <p:cNvGrpSpPr/>
          <p:nvPr/>
        </p:nvGrpSpPr>
        <p:grpSpPr>
          <a:xfrm>
            <a:off x="2271935" y="0"/>
            <a:ext cx="3792389" cy="2473325"/>
            <a:chOff x="2271935" y="0"/>
            <a:chExt cx="3792389" cy="2473325"/>
          </a:xfrm>
        </p:grpSpPr>
        <p:pic>
          <p:nvPicPr>
            <p:cNvPr id="17410" name="Picture 13" descr="envisat_c copier"/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 flipH="1">
              <a:off x="2271935" y="0"/>
              <a:ext cx="3792389" cy="24733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5" name="ZoneTexte 4">
              <a:extLst>
                <a:ext uri="{FF2B5EF4-FFF2-40B4-BE49-F238E27FC236}">
                  <a16:creationId xmlns:a16="http://schemas.microsoft.com/office/drawing/2014/main" id="{86AE3F2C-2FF2-4A4B-A2BC-51773B220E8A}"/>
                </a:ext>
              </a:extLst>
            </p:cNvPr>
            <p:cNvSpPr txBox="1"/>
            <p:nvPr/>
          </p:nvSpPr>
          <p:spPr>
            <a:xfrm>
              <a:off x="2271935" y="97505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E87E09E5-C52F-4D2C-A81F-8085ACE918F3}"/>
              </a:ext>
            </a:extLst>
          </p:cNvPr>
          <p:cNvGrpSpPr/>
          <p:nvPr/>
        </p:nvGrpSpPr>
        <p:grpSpPr>
          <a:xfrm>
            <a:off x="6143704" y="681038"/>
            <a:ext cx="6081409" cy="6075088"/>
            <a:chOff x="6143704" y="681038"/>
            <a:chExt cx="6081409" cy="6075088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987E6FC3-E7F9-4292-B503-A68CE16D3FEB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143704" y="681038"/>
              <a:ext cx="6081409" cy="6075088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BE856CE4-12F0-4583-97F7-E65B98F5A349}"/>
                </a:ext>
              </a:extLst>
            </p:cNvPr>
            <p:cNvSpPr txBox="1"/>
            <p:nvPr/>
          </p:nvSpPr>
          <p:spPr>
            <a:xfrm>
              <a:off x="6143704" y="6459864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Jason-2	</a:t>
            </a:r>
          </a:p>
        </p:txBody>
      </p:sp>
      <p:sp>
        <p:nvSpPr>
          <p:cNvPr id="18435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017177"/>
            <a:ext cx="11877675" cy="5221698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sz="2000" dirty="0" err="1"/>
              <a:t>Eumetsat</a:t>
            </a:r>
            <a:r>
              <a:rPr lang="en-GB" sz="2000" dirty="0"/>
              <a:t>/</a:t>
            </a:r>
            <a:r>
              <a:rPr lang="en-GB" sz="2000" dirty="0" err="1"/>
              <a:t>Noaa</a:t>
            </a:r>
            <a:r>
              <a:rPr lang="en-GB" sz="2000" dirty="0"/>
              <a:t>/Cnes/Nasa</a:t>
            </a:r>
          </a:p>
          <a:p>
            <a:r>
              <a:rPr lang="en-GB" sz="2000" dirty="0"/>
              <a:t>Launched:	20 June 2008</a:t>
            </a:r>
          </a:p>
          <a:p>
            <a:r>
              <a:rPr lang="en-GB" sz="2000" dirty="0"/>
              <a:t>End of mission:	Oct. 2019</a:t>
            </a:r>
          </a:p>
          <a:p>
            <a:r>
              <a:rPr lang="en-GB" sz="2000" dirty="0"/>
              <a:t>Mission:	To measure the height </a:t>
            </a:r>
            <a:br>
              <a:rPr lang="en-GB" sz="2000" dirty="0"/>
            </a:br>
            <a:r>
              <a:rPr lang="en-GB" sz="2000" dirty="0"/>
              <a:t>		of the oceans</a:t>
            </a:r>
          </a:p>
          <a:p>
            <a:r>
              <a:rPr lang="en-GB" sz="2000" dirty="0"/>
              <a:t>Altitude:	1,336 km</a:t>
            </a:r>
          </a:p>
          <a:p>
            <a:r>
              <a:rPr lang="en-GB" sz="2000" dirty="0"/>
              <a:t>Payload instruments:</a:t>
            </a:r>
          </a:p>
          <a:p>
            <a:pPr lvl="1"/>
            <a:r>
              <a:rPr lang="en-GB" sz="1800" dirty="0"/>
              <a:t>	Dual-frequency altimeter (Poseidon-3)</a:t>
            </a:r>
          </a:p>
          <a:p>
            <a:pPr lvl="1"/>
            <a:r>
              <a:rPr lang="en-GB" sz="1800" dirty="0"/>
              <a:t>	3-frequency radiometer (AMR)</a:t>
            </a:r>
          </a:p>
          <a:p>
            <a:pPr lvl="1"/>
            <a:r>
              <a:rPr lang="en-GB" sz="1800" dirty="0"/>
              <a:t>	Orbit determination: </a:t>
            </a:r>
            <a:br>
              <a:rPr lang="en-GB" sz="1800" dirty="0"/>
            </a:br>
            <a:r>
              <a:rPr lang="en-GB" sz="1800" dirty="0"/>
              <a:t>	laser (LRA), Doris, GPS (TRSR)</a:t>
            </a:r>
          </a:p>
          <a:p>
            <a:r>
              <a:rPr lang="en-GB" sz="2000" dirty="0"/>
              <a:t>Orbit:</a:t>
            </a:r>
          </a:p>
          <a:p>
            <a:pPr lvl="1"/>
            <a:r>
              <a:rPr lang="en-GB" sz="1800" dirty="0"/>
              <a:t>	Inclination: 66° (non sun-synchronous) </a:t>
            </a:r>
          </a:p>
          <a:p>
            <a:pPr lvl="1"/>
            <a:r>
              <a:rPr lang="en-GB" sz="1800" dirty="0"/>
              <a:t>	Revisit frequency: 10 days</a:t>
            </a:r>
          </a:p>
          <a:p>
            <a:pPr lvl="1"/>
            <a:r>
              <a:rPr lang="en-GB" sz="1800" dirty="0"/>
              <a:t>	Inter-track distance at the equator: 315 km </a:t>
            </a:r>
          </a:p>
          <a:p>
            <a:endParaRPr lang="en-GB" sz="2400" dirty="0"/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C4F1D05E-0E17-4929-B867-34DF98393F15}"/>
              </a:ext>
            </a:extLst>
          </p:cNvPr>
          <p:cNvGrpSpPr/>
          <p:nvPr/>
        </p:nvGrpSpPr>
        <p:grpSpPr>
          <a:xfrm>
            <a:off x="2351584" y="61998"/>
            <a:ext cx="3312368" cy="1029707"/>
            <a:chOff x="2351584" y="0"/>
            <a:chExt cx="3312368" cy="1029707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EB1DFAC1-D815-4544-A980-1E561902E8E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351584" y="0"/>
              <a:ext cx="3312368" cy="955179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D1B7FE03-B19F-4222-8B7D-C8AF66A6C2DF}"/>
                </a:ext>
              </a:extLst>
            </p:cNvPr>
            <p:cNvSpPr txBox="1"/>
            <p:nvPr/>
          </p:nvSpPr>
          <p:spPr>
            <a:xfrm>
              <a:off x="2351584" y="76809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8" name="Image 7">
            <a:extLst>
              <a:ext uri="{FF2B5EF4-FFF2-40B4-BE49-F238E27FC236}">
                <a16:creationId xmlns:a16="http://schemas.microsoft.com/office/drawing/2014/main" id="{5F4651CF-5579-496F-9648-CC7469AB101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84134" y="1091705"/>
            <a:ext cx="6907866" cy="5147170"/>
          </a:xfrm>
          <a:prstGeom prst="rect">
            <a:avLst/>
          </a:prstGeom>
        </p:spPr>
      </p:pic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nItRlIiLCJTdHlsZU5hbWUiOm51bGwsIlZlcnNpb24iOnsiJGlkIjoiMiIsIlZlcnNpb24iOiIzLjEuMyIsIk9yaWdpbmFsQXNzZW1ibHlWZXJzaW9uIjoiMy42Mi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zItMTEtMTVUMjM6NTk6MDAiLCJGb3JtYXQiOiJNTU0iLCJUeXBlIjo0LCJBdXRvRGF0ZVJhbmdlIjp0cnVlLCJXb3JraW5nRGF5cyI6MTI3LCJUb2RheU1hcmtlclRleHQiOiJBdWpvdXJkJ2h1aSIsIkF1dG9TY2FsZVR5cGUiOnRydWV9LCJNaWxlc3RvbmVzIjpbXSwiVGFza3MiOlt7IiRpZCI6IjEyOCIsIkdyb3VwTmFtZSI6bnVsbCwiU3RhcnREYXRlIjoiMTk5MS0wNy0xN1QwMDowMDowMFoiLCJFbmREYXRlIjoiMjAwMC0wMy0zMV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5OCJ9LCJMaW5lV2VpZ2h0IjoxLjAsIkxpbmVUeXBlIjowLCJQYXJlbnRTdHlsZSI6bnVsbH0sIlZlcnRpY2FsQ29ubmVjdG9yU3R5bGUiOnsiJGlkIjoiMTQ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NCIsIk1hcmdpbiI6eyIkaWQiOiIxNDUiLCJUb3AiOjAsIkxlZnQiOjQsIlJpZ2h0Ijo0LCJCb3R0b20iOjB9LCJQYWRkaW5nIjp7IiRpZCI6IjE0NiIsIlRvcCI6MCwiTGVmdCI6MCwiUmlnaHQiOjAsIkJvdHRvbSI6MH0sIkJhY2tncm91bmQiOnsiJGlkIjoiMTQ3IiwiQ29sb3IiOnsiJGlkIjoiMTQ4IiwiQSI6MjU1LCJSIjo2OCwiRyI6MTE0LCJCIjoxOTZ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5NjAuMCwiTWF4SGVpZ2h0IjoiSW5maW5pdHkiLCJTbWFydEZvcmVncm91bmRJc0FjdGl2ZSI6ZmFsc2UsIkhvcml6b250YWxBbGlnbm1lbnQiOjA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QmFja2dyb3VuZEZpbGxUeXBlIjowLCJNYXJnaW4iOnsiJGlkIjoiMTU5IiwiVG9wIjowLCJMZWZ0IjowLCJSaWdodCI6MCwiQm90dG9tIjowfSwiUGFkZGluZyI6eyIkaWQiOiIxNjAiLCJUb3AiOjAsIkxlZnQiOjAsIlJpZ2h0IjowLCJCb3R0b20iOjB9LCJCYWNrZ3JvdW5kIjp7IiRyZWYiOiIxMjQifSwiSXNWaXNpYmxlIjp0cnVlLCJXaWR0aCI6MC4wLCJIZWlnaHQiOjAuMCwiQm9yZGVyU3R5bGUiOnsiJGlkIjoiMTYxIiwiTGluZUNvbG9yIjpudWxsLCJMaW5lV2VpZ2h0IjowLjAsIkxpbmVUeXBlIjowLCJQYXJlbnRTdHlsZSI6bnVsbH0sIlBhcmVudFN0eWxlIjpudWxsfSwiRGF0ZUZvcm1hdCI6eyIkaWQiOiIx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iJ9LCJJZCI6ImY0OTc2NjMxLWU3ZDAtNDJkMS1hZDRjLWVkMGMzODMxZmFmZiIsIkltcG9ydElkIjpudWxsLCJUaXRsZSI6IkVSUy0xIChFc2EpIiwiTm90ZSI6bnVsbCwiSHlwZXJsaW5rIjpudWxsLCJJc0NoYW5nZWQiOmZhbHNlLCJJc05ldyI6ZmFsc2V9LHsiJGlkIjoiMTYzIiwiR3JvdXBOYW1lIjpudWxsLCJTdGFydERhdGUiOiIxOTkyLTA4LTEwVDAwOjAwOjAwWiIsIkVuZERhdGUiOiIyMDA2LTAxLTE4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Y4LCJHIjoxMTQsIkIiOjE5Nn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CwiVmVydGljYWxBbGlnbm1lbnQiOjAsIlNtYXJ0Rm9yZWdyb3VuZCI6bnVsbCwiQmFja2dyb3VuZEZpbGxUeXBlIjowLCJNYXJnaW4iOnsiJGlkIjoiMTg4IiwiVG9wIjowLCJMZWZ0IjowLCJSaWdodCI6MCwiQm90dG9tIjowfSwiUGFkZGluZyI6eyIkaWQiOiIxODkiLCJUb3AiOjAsIkxlZnQiOjAsIlJpZ2h0IjowLCJCb3R0b20iOjB9LCJCYWNrZ3JvdW5kIjp7IiRyZWYiOiIxMTc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MTIxIn19LCJNYXhXaWR0aCI6MjAwLjAsIk1heEhlaWdodCI6IkluZmluaXR5IiwiU21hcnRGb3JlZ3JvdW5kSXNBY3RpdmUiOmZhbHNlLCJIb3Jpem9udGFsQWxpZ25tZW50IjowLCJWZXJ0aWNhbEFsaWdubWVudCI6MCwiU21hcnRGb3JlZ3JvdW5kIjpudWxsLCJCYWNrZ3JvdW5kRmlsbFR5cGUiOjAsIk1hcmdpbiI6eyIkaWQiOiIxOTQiLCJUb3AiOjAsIkxlZnQiOjAsIlJpZ2h0IjowLCJCb3R0b20iOjB9LCJQYWRkaW5nIjp7IiRpZCI6IjE5NSIsIlRvcCI6MCwiTGVmdCI6MCwiUmlnaHQiOjAsIkJvdHRvbSI6MH0sIkJhY2tncm91bmQiOnsiJHJlZiI6IjEyNCJ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OTYifSwiSXNWaXNpYmxlIjp0cnVlLCJXaWR0aCI6MC4wLCJIZWlnaHQiOjAuMCwiQm9yZGVyU3R5bGUiOnsiJGlkIjoiMjExIiwiTGluZUNvbG9yIjpudWxsLCJMaW5lV2VpZ2h0IjowLjAsIkxpbmVUeXBlIjowLCJQYXJlbnRTdHlsZSI6bnVsbH0sIlBhcmVudFN0eWxlIjpudWxsfSwiSG9yaXpvbnRhbENvbm5lY3RvclN0eWxlIjp7IiRpZCI6IjIxMiIsIkxpbmVDb2xvciI6eyIkcmVmIjoiOTgifSwiTGluZVdlaWdodCI6MS4wLCJMaW5lVHlwZSI6MCwiUGFyZW50U3R5bGUiOm51bGx9LCJWZXJ0aWNhbENvbm5lY3RvclN0eWxlIjp7IiRpZCI6IjIx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QiLCJNYXJnaW4iOnsiJGlkIjoiMjE1IiwiVG9wIjowLCJMZWZ0Ijo0LCJSaWdodCI6NCwiQm90dG9tIjowfSwiUGFkZGluZyI6eyIkaWQiOiIyMTYiLCJUb3AiOjAsIkxlZnQiOjAsIlJpZ2h0IjowLCJCb3R0b20iOjB9LCJCYWNrZ3JvdW5kIjp7IiRpZCI6IjIxNyIsIkNvbG9yIjp7IiRpZCI6IjIxOCIsIkEiOjI1NSwiUiI6NjgsIkciOjExNCwiQiI6MTk2fX0sIklzVmlzaWJsZSI6dHJ1ZSwiV2lkdGgiOjAuMCwiSGVpZ2h0IjoxNi4wLCJCb3JkZXJTdHlsZSI6eyIkaWQiOiIyMTkiLCJMaW5lQ29sb3IiOnsiJHJlZiI6IjEwOS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cmVmIjoiMTE0In19LCJNYXhXaWR0aCI6OTY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HJlZiI6IjExNyJ9LCJJc1Zpc2libGUiOnRydWUsIldpZHRoIjowLjAsIkhlaWdodCI6MC4wLCJCb3JkZXJTdHlsZSI6eyIkaWQiOiIyMjUiLCJMaW5lQ29sb3IiOm51bGwsIkxpbmVXZWlnaHQiOjAuMCwiTGluZVR5cGUiOjAsIlBhcmVudFN0eWxlIjpudWxsfS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xMjEifX0sIk1heFdpZHRoIjoyMD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I0In0sIklzVmlzaWJsZSI6dHJ1ZSwiV2lkdGgiOjAuMCwiSGVpZ2h0IjowLjAsIkJvcmRlclN0eWxlIjp7IiRpZCI6IjIzMSIsIkxpbmVDb2xvciI6bnVsbCwiTGluZVdlaWdodCI6MC4wLCJMaW5lVHlwZSI6MCwiUGFyZW50U3R5bGUiOm51bGx9LCJQYXJlbnRTdHlsZSI6bnVsbH0sIkRhdGVGb3JtYXQiOnsiJGlkIjoiMj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g5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5My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x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aWQiOiIyNTAiLCJUb3AiOjAsIkxlZnQiOjQsIlJpZ2h0Ijo0LCJCb3R0b20iOjB9LCJQYWRkaW5nIjp7IiRpZCI6IjI1MSIsIlRvcCI6MCwiTGVmdCI6MCwiUmlnaHQiOjAsIkJvdHRvbSI6MH0sIkJhY2tncm91bmQiOnsiJGlkIjoiMjUyIiwiQ29sb3IiOnsiJGlkIjoiMjUzIiwiQSI6MjU1LCJSIjo2OCwiRyI6MTE0LCJCIjoxOTZ9fSwiSXNWaXNpYmxlIjp0cnVlLCJXaWR0aCI6MC4wLCJIZWlnaHQiOjE2LjAsIkJvcmRlclN0eWxlIjp7IiRpZCI6IjI1NCIsIkxpbmVDb2xvciI6eyIkcmVmIjoiMTA5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yZWYiOiIxMTQifX0sIk1heFdpZHRoIjo5Nj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MTE3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wLCJGb250TmFtZSI6IkNhbGlicmkiLCJJc0JvbGQiOmZhbHNlLCJJc0l0YWxpYyI6ZmFsc2UsIklzVW5kZXJsaW5lZCI6ZmFsc2UsIlBhcmVudFN0eWxlIjpudWxsfSwiQXV0b1NpemUiOjAsIkZvcmVncm91bmQiOnsiJGlkIjoiMjYzIiwiQ29sb3IiOnsiJHJlZiI6IjEyMS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jQifSwiSXNWaXNpYmxlIjp0cnVlLCJXaWR0aCI6MC4wLCJIZWlnaHQiOjAuMCwiQm9yZGVyU3R5bGUiOnsiJGlkIjoiMjY2IiwiTGluZUNvbG9yIjpudWxsLCJMaW5lV2VpZ2h0IjowLjAsIkxpbmVUeXBlIjowLCJQYXJlbnRTdHlsZSI6bnVsbH0sIlBhcmVudFN0eWxlIjpudWxsfSwiRGF0ZUZvcm1hdCI6eyIkaWQiOiIyNj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TM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ExNy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E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I0In0sIklzVmlzaWJsZSI6dHJ1ZSwiV2lkdGgiOjAuMCwiSGVpZ2h0IjowLjAsIkJvcmRlclN0eWxlIjp7IiRpZCI6IjMwMSIsIkxpbmVDb2xvciI6bnVsbCwiTGluZVdlaWdodCI6MC4wLCJMaW5lVHlwZSI6MCwiUGFyZW50U3R5bGUiOm51bGx9LCJQYXJlbnRTdHlsZSI6bnVsbH0sIkRhdGVGb3JtYXQiOnsiJGlkIjoiMz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IifSwiSWQiOiJmNTYxZDcwZS04ZGFlLTRkMDctYmNhOC0wZjZmOWVkNTI4N2MiLCJJbXBvcnRJZCI6bnVsbCwiVGl0bGUiOiJKYXNvbi0yIChDbmVzL0V1bWV0c2F0L05hc2EvTm9hYSkiLCJOb3RlIjpudWxsLCJIeXBlcmxpbmsiOm51bGwsIklzQ2hhbmdlZCI6ZmFsc2UsIklzTmV3IjpmYWxzZX0seyIkaWQiOiIzMDMiLCJHcm91cE5hbWUiOm51bGwsIlN0YXJ0RGF0ZSI6IjIwMTAtMDQtMDhUMDA6MDA6MDBaIiwiRW5kRGF0ZSI6IjIwMjEtMTItMzFUMjM6NTk6MDBaIiwiUGVyY2VudGFnZUNvbXBsZXRlIjpudWxsLCJTdHlsZSI6eyIkaWQiOiIzMDQiLCJTaGFwZSI6MC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ExNyJ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yZWYiOiIxMjEifX0sIk1heFdpZHRoIjoyMDAuMCwiTWF4SGVpZ2h0IjoiSW5maW5pdHkiLCJTbWFydEZvcmVncm91bmRJc0FjdGl2ZSI6ZmFsc2UsIkhvcml6b250YWxBbGlnbm1lbnQiOjA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MTI0In0sIklzVmlzaWJsZSI6dHJ1ZSwiV2lkdGgiOjAuMCwiSGVpZ2h0IjowLjAsIkJvcmRlclN0eWxlIjp7IiRpZCI6IjMzNiIsIkxpbmVDb2xvciI6bnVsbCwiTGluZVdlaWdodCI6MC4wLCJMaW5lVHlwZSI6MCwiUGFyZW50U3R5bGUiOm51bGx9LCJQYXJlbnRTdHlsZSI6bnVsbH0sIkRhdGVGb3JtYXQiOnsiJGlkIjoiMzM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OTYi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OTgifSwiTGluZVdlaWdodCI6MS4wLCJMaW5lVHlwZSI6MCwiUGFyZW50U3R5bGUiOm51bGx9LCJWZXJ0aWNhbENvbm5lY3RvclN0eWxlIjp7IiRpZCI6IjM1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HJlZiI6IjExNyJ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MCwiRm9udE5hbWUiOiJDYWxpYnJpIiwiSXNCb2xkIjpmYWxzZSwiSXNJdGFsaWMiOmZhbHNlLCJJc1VuZGVybGluZWQiOmZhbHNlLCJQYXJlbnRTdHlsZSI6bnVsbH0sIkF1dG9TaXplIjowLCJGb3JlZ3JvdW5kIjp7IiRpZCI6IjM2OCIsIkNvbG9yIjp7IiRyZWYiOiIxMjEifX0sIk1heFdpZHRoIjoyMDAuMCwiTWF4SGVpZ2h0IjoiSW5maW5pdHkiLCJTbWFydEZvcmVncm91bmRJc0FjdGl2ZSI6ZmFsc2UsIkhvcml6b250YWxBbGlnbm1lbnQiOjA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MTI0In0sIklzVmlzaWJsZSI6dHJ1ZSwiV2lkdGgiOjAuMCwiSGVpZ2h0IjowLjAsIkJvcmRlclN0eWxlIjp7IiRpZCI6IjM3MSIsIkxpbmVDb2xvciI6bnVsbCwiTGluZVdlaWdodCI6MC4wLCJMaW5lVHlwZSI6MCwiUGFyZW50U3R5bGUiOm51bGx9LCJQYXJlbnRTdHlsZSI6bnVsbH0sIkRhdGVGb3JtYXQiOnsiJGlkIjoiMzc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g5In0sIklzVmlzaWJsZSI6dHJ1ZSwiV2lkdGgiOjAuMCwiSGVpZ2h0IjowLjAsIkJvcmRlclN0eWxlIjp7IiRpZCI6IjM4MCIsIkxpbmVDb2xvciI6bnVsbCwiTGluZVdlaWdodCI6MC4wLCJMaW5lVHlwZSI6MCwiUGFyZW50U3R5bGUiOm51bGx9LCJQYXJlbnRTdHlsZSI6bnVsbH0sIkR1cmF0aW9u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5My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5NiJ9LCJJc1Zpc2libGUiOnRydWUsIldpZHRoIjowLjAsIkhlaWdodCI6MC4wLCJCb3JkZXJTdHlsZSI6eyIkaWQiOiIzODYiLCJMaW5lQ29sb3IiOm51bGwsIkxpbmVXZWlnaHQiOjAuMCwiTGluZVR5cGUiOjAsIlBhcmVudFN0eWxlIjpudWxsfSwiUGFyZW50U3R5bGUiOm51bGx9LCJIb3Jpem9udGFsQ29ubmVjdG9yU3R5bGUiOnsiJGlkIjoiMzg3IiwiTGluZUNvbG9yIjp7IiRyZWYiOiI5OCJ9LCJMaW5lV2VpZ2h0IjoxLjAsIkxpbmVUeXBlIjowLCJQYXJlbnRTdHlsZSI6bnVsbH0sIlZlcnRpY2FsQ29ubmVjdG9yU3R5bGUiOnsiJGlkIjoiMzg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MTE3In0sIklzVmlzaWJsZSI6dHJ1ZSwiV2lkdGgiOjAuMCwiSGVpZ2h0IjowLjAsIkJvcmRlclN0eWxlIjp7IiRpZCI6IjQwMCIsIkxpbmVDb2xvciI6bnVsbCwiTGluZVdlaWdodCI6MC4wLCJMaW5lVHlwZSI6MCwiUGFyZW50U3R5bGUiOm51bGx9LCJQYXJlbnRTdHlsZSI6bnVsbH0sIkRhdGV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EyMSJ9fSwiTWF4V2lkdGgiOjIwMC4wLCJNYXhIZWlnaHQiOiJJbmZpbml0eSIsIlNtYXJ0Rm9yZWdyb3VuZElzQWN0aXZlIjpmYWxzZSwiSG9yaXpvbnRhbEFsaWdubWVudCI6MC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QifSwiSXNWaXNpYmxlIjp0cnVlLCJXaWR0aCI6MC4wLCJIZWlnaHQiOjAuMCwiQm9yZGVyU3R5bGUiOnsiJGlkIjoiNDA2IiwiTGluZUNvbG9yIjpudWxsLCJMaW5lV2VpZ2h0IjowLjAsIkxpbmVUeXBlIjowLCJQYXJlbnRTdHlsZSI6bnVsbH0sIlBhcmVudFN0eWxlIjpudWxsfSwiRGF0ZUZvcm1hdCI6eyIkaWQiOiI0MD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wNyJ9LCJJZCI6IjhiNjE4ZTEzLTdhOTAtNGIzZC04YmYzLTk3NWQ3ZWQ5YWMzMiIsIkltcG9ydElkIjpudWxsLCJUaXRsZSI6Ikphc29uLTMgKEV1bWV0c2F0L05vYWEvQ25lcy9OYXNhKSIsIk5vdGUiOm51bGwsIkh5cGVybGluayI6bnVsbCwiSXNDaGFuZ2VkIjpmYWxzZSwiSXNOZXciOmZhbHNlfSx7IiRpZCI6IjQwOCIsIkdyb3VwTmFtZSI6bnVsbCwiU3RhcnREYXRlIjoiMjAxNi0wMi0xNlQwMDowMDowMFoiLCJFbmREYXRlIjoiMjAyMy0wMi0xNlQyMzo1OTowMFoiLCJQZXJjZW50YWdlQ29tcGxldGUiOm51bGwsIlN0eWxlIjp7IiRpZCI6IjQwOSIsIlNoYXBlIjowLCJTaGFwZVRoaWNrbmVzcyI6MS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yNCIsIk1hcmdpbiI6eyIkaWQiOiI0MjUiLCJUb3AiOjAsIkxlZnQiOjQsIlJpZ2h0Ijo0LCJCb3R0b20iOjB9LCJQYWRkaW5nIjp7IiRpZCI6IjQyNiIsIlRvcCI6MCwiTGVmdCI6MCwiUmlnaHQiOjAsIkJvdHRvbSI6MH0sIkJhY2tncm91bmQiOnsiJGlkIjoiNDI3IiwiQ29sb3IiOnsiJGlkIjoiNDI4IiwiQSI6MjU1LCJSIjo2OCwiRyI6MTE0LCJCIjoxOTZ9fSwiSXNWaXNpYmxlIjp0cnVlLCJXaWR0aCI6MC4wLCJIZWlnaHQiOjE2LjAsIkJvcmRlclN0eWxlIjp7IiRpZCI6IjQyOSIsIkxpbmVDb2xvciI6eyIkcmVmIjoiMTA5In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yZWYiOiIxMTQifX0sIk1heFdpZHRoIjo5Nj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MTE3In0sIklzVmlzaWJsZSI6dHJ1ZSwiV2lkdGgiOjAuMCwiSGVpZ2h0IjowLjAsIkJvcmRlclN0eWxlIjp7IiRpZCI6IjQzNSIsIkxpbmVDb2xvciI6bnVsbCwiTGluZVdlaWdodCI6MC4wLCJMaW5lVHlwZSI6MCwiUGFyZW50U3R5bGUiOm51bGx9LCJQYXJlbnRTdHlsZSI6bnVsbH0sIkRhdGV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EyMSJ9fSwiTWF4V2lkdGgiOjIwMC4wLCJNYXhIZWlnaHQiOiJJbmZpbml0eSIsIlNtYXJ0Rm9yZWdyb3VuZElzQWN0aXZlIjpmYWxzZSwiSG9yaXpvbnRhbEFsaWdubWVudCI6MC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jQifSwiSXNWaXNpYmxlIjp0cnVlLCJXaWR0aCI6MC4wLCJIZWlnaHQiOjAuMCwiQm9yZGVyU3R5bGUiOnsiJGlkIjoiNDQxIiwiTGluZUNvbG9yIjpudWxsLCJMaW5lV2VpZ2h0IjowLjAsIkxpbmVUeXBlIjowLCJQYXJlbnRTdHlsZSI6bnVsbH0sIlBhcmVudFN0eWxlIjpudWxsfSwiRGF0ZUZvcm1hdCI6eyIkaWQiOiI0ND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Q0MiJ9LCJJZCI6IjBlZTA1YjZiLTM2YmEtNDEwZS05MWNkLWQ5MjY0NGFkMWQzMiIsIkltcG9ydElkIjpudWxsLCJUaXRsZSI6IlNlbnRpbmVsLTNBIChFVSkiLCJOb3RlIjpudWxsLCJIeXBlcmxpbmsiOm51bGwsIklzQ2hhbmdlZCI6ZmFsc2UsIklzTmV3IjpmYWxzZX0seyIkaWQiOiI0NDMiLCJHcm91cE5hbWUiOm51bGwsIlN0YXJ0RGF0ZSI6IjIwMTgtMDMtMzFUMDA6MDA6MDBaIiwiRW5kRGF0ZSI6IjIwMjUtMDEtMzFUMjM6NTk6MDBaIiwiUGVyY2VudGFnZUNvbXBsZXRlIjpudWxsLCJTdHlsZSI6eyIkaWQiOiI0NDQiLCJTaGFwZSI6MCwiU2hhcGVUaGlja25lc3MiOjE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cmVmIjoiOTgifSwiTGluZVdlaWdodCI6MS4wLCJMaW5lVHlwZSI6MCwiUGFyZW50U3R5bGUiOm51bGx9LCJWZXJ0aWNhbENvbm5lY3RvclN0eWxlIjp7IiRpZCI6IjQ1OC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5NCIsIk1hcmdpbiI6eyIkaWQiOiI0OTUiLCJUb3AiOjAsIkxlZnQiOjQsIlJpZ2h0Ijo0LCJCb3R0b20iOjB9LCJQYWRkaW5nIjp7IiRpZCI6IjQ5NiIsIlRvcCI6MCwiTGVmdCI6MCwiUmlnaHQiOjAsIkJvdHRvbSI6MH0sIkJhY2tncm91bmQiOnsiJGlkIjoiNDk3IiwiQ29sb3IiOnsiJGlkIjoiNDk4IiwiQSI6MjU1LCJSIjo2OCwiRyI6MTE0LCJCIjoxOTZ9fSwiSXNWaXNpYmxlIjp0cnVlLCJXaWR0aCI6MC4wLCJIZWlnaHQiOjE2LjAsIkJvcmRlclN0eWxlIjp7IiRpZCI6IjQ5OSIsIkxpbmVDb2xvciI6eyIkcmVmIjoiMTA5In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pZCI6IjUwMiIsIkNvbG9yIjp7IiRyZWYiOiIxMTQifX0sIk1heFdpZHRoIjo5NjAuMCwiTWF4SGVpZ2h0IjoiSW5maW5pdHkiLCJTbWFydEZvcmVncm91bmRJc0FjdGl2ZSI6ZmFsc2UsIkhvcml6b250YWxBbGlnbm1lbnQiOjAsIlZlcnRpY2FsQWxpZ25tZW50IjowLCJTbWFydEZvcmVncm91bmQiOm51bGwsIkJhY2tncm91bmRGaWxsVHlwZSI6MCwiTWFyZ2luIjp7IiRpZCI6IjUwMyIsIlRvcCI6MCwiTGVmdCI6MCwiUmlnaHQiOjAsIkJvdHRvbSI6MH0sIlBhZGRpbmciOnsiJGlkIjoiNTA0IiwiVG9wIjowLCJMZWZ0IjowLCJSaWdodCI6MCwiQm90dG9tIjowfSwiQmFja2dyb3VuZCI6eyIkcmVmIjoiMTE3In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HJlZiI6IjEyMSJ9fSwiTWF4V2lkdGgiOjIwMC4wLCJNYXhIZWlnaHQiOiJJbmZpbml0eSIsIlNtYXJ0Rm9yZWdyb3VuZElzQWN0aXZlIjpmYWxzZSwiSG9yaXpvbnRhbEFsaWdubWVudCI6MC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xMjQifSwiSXNWaXNpYmxlIjp0cnVlLCJXaWR0aCI6MC4wLCJIZWlnaHQiOjAuMCwiQm9yZGVyU3R5bGUiOnsiJGlkIjoiNTExIiwiTGluZUNvbG9yIjpudWxsLCJMaW5lV2VpZ2h0IjowLjAsIkxpbmVUeXBlIjowLCJQYXJlbnRTdHlsZSI6bnVsbH0sIlBhcmVudFN0eWxlIjpudWxsfSwiRGF0ZUZvcm1hdCI6eyIkaWQiOiI1M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HJlZiI6Ijk4In0sIkxpbmVXZWlnaHQiOjEuMCwiTGluZVR5cGUiOjAsIlBhcmVudFN0eWxlIjpudWxsfSwiVmVydGljYWxDb25uZWN0b3JTdHlsZSI6eyIkaWQiOiI1Mj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I5IiwiTWFyZ2luIjp7IiRpZCI6IjUzMCIsIlRvcCI6MCwiTGVmdCI6NCwiUmlnaHQiOjQsIkJvdHRvbSI6MH0sIlBhZGRpbmciOnsiJGlkIjoiNTMxIiwiVG9wIjowLCJMZWZ0IjowLCJSaWdodCI6MCwiQm90dG9tIjowfSwiQmFja2dyb3VuZCI6eyIkaWQiOiI1MzIiLCJDb2xvciI6eyIkaWQiOiI1MzMiLCJBIjoyNTUsIlIiOjY4LCJHIjoxMTQsIkIiOjE5Nn19LCJJc1Zpc2libGUiOnRydWUsIldpZHRoIjowLjAsIkhlaWdodCI6MTYuMCwiQm9yZGVyU3R5bGUiOnsiJGlkIjoiNTM0IiwiTGluZUNvbG9yIjp7IiRyZWYiOiIxMDki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HJlZiI6IjExNCJ9fSwiTWF4V2lkdGgiOjk2MC4wLCJNYXhIZWlnaHQiOiJJbmZpbml0eSIsIlNtYXJ0Rm9yZWdyb3VuZElzQWN0aXZlIjpmYWxzZSwiSG9yaXpvbnRhbEFsaWdubWVudCI6MC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OTYifSwiSXNWaXNpYmxlIjp0cnVlLCJXaWR0aCI6MC4wLCJIZWlnaHQiOjAuMCwiQm9yZGVyU3R5bGUiOnsiJGlkIjoiNTYxIiwiTGluZUNvbG9yIjpudWxsLCJMaW5lV2VpZ2h0IjowLjAsIkxpbmVUeXBlIjowLCJQYXJlbnRTdHlsZSI6bnVsbH0sIlBhcmVudFN0eWxlIjpudWxsfSwiSG9yaXpvbnRhbENvbm5lY3RvclN0eWxlIjp7IiRpZCI6IjU2MiIsIkxpbmVDb2xvciI6eyIkcmVmIjoiOTgifSwiTGluZVdlaWdodCI6MS4wLCJMaW5lVHlwZSI6MCwiUGFyZW50U3R5bGUiOm51bGx9LCJWZXJ0aWNhbENvbm5lY3RvclN0eWxlIjp7IiRpZCI6IjU2My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MTI0In0sIklzVmlzaWJsZSI6dHJ1ZSwiV2lkdGgiOjAuMCwiSGVpZ2h0IjowLjAsIkJvcmRlclN0eWxlIjp7IiRpZCI6IjU4MSIsIkxpbmVDb2xvciI6bnVsbCwiTGluZVdlaWdodCI6MC4wLCJMaW5lVHlwZSI6MCwiUGFyZW50U3R5bGUiOm51bGx9LCJQYXJlbnRTdHlsZSI6bnVsbH0sIkRhdGVGb3JtYXQiOnsiJGlkIjoiNTg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Y4LCJHIjoxMTQsIkIiOjE5Nn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0cnVlLCJJc0l0YWxpYyI6ZmFsc2UsIklzVW5kZXJsaW5lZCI6ZmFsc2UsIlBhcmVudFN0eWxlIjpudWxsfSwiQXV0b1NpemUiOjAsIkZvcmVncm91bmQiOnsiJGlkIjoiNjQyIiwiQ29sb3IiOnsiJHJlZiI6IjExNCJ9fSwiTWF4V2lkdGgiOjk2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1NyIsIlVzZVRpbWUiOmZhbHNlLCJXb3JrRGF5U3RhcnQiOiIwMDowMDowMCIsIldvcmtEYXlFbmQiOiIyMzo1OTowMCJ9LCJMYXN0VXNlZFRlbXBsYXRlSWQiOiI3MzU1YjYzMy1hYzY2LTQ1MjgtOGI0ZC0yOTlmYWVkYzllZTki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22B40D578BE394FA86D13378E251975" ma:contentTypeVersion="11" ma:contentTypeDescription="Create a new document." ma:contentTypeScope="" ma:versionID="0a38f0e2ed87458219a96c64e52d4461">
  <xsd:schema xmlns:xsd="http://www.w3.org/2001/XMLSchema" xmlns:xs="http://www.w3.org/2001/XMLSchema" xmlns:p="http://schemas.microsoft.com/office/2006/metadata/properties" xmlns:ns3="74b108d2-bcfb-4c26-9914-e48d6d9bb1a0" xmlns:ns4="2b383511-ebb8-4875-ad3d-ccbb1632decb" targetNamespace="http://schemas.microsoft.com/office/2006/metadata/properties" ma:root="true" ma:fieldsID="31257da69b0d06e99f25686e59b3ce34" ns3:_="" ns4:_="">
    <xsd:import namespace="74b108d2-bcfb-4c26-9914-e48d6d9bb1a0"/>
    <xsd:import namespace="2b383511-ebb8-4875-ad3d-ccbb1632decb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b108d2-bcfb-4c26-9914-e48d6d9bb1a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383511-ebb8-4875-ad3d-ccbb1632decb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57B89D1-008E-4EDA-9519-FD6D5B2AD056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21C95E63-7CA6-46F8-8084-D431284BFB67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8504272-2CE5-46CE-BABA-465297D1CC2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4b108d2-bcfb-4c26-9914-e48d6d9bb1a0"/>
    <ds:schemaRef ds:uri="2b383511-ebb8-4875-ad3d-ccbb1632dec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865</TotalTime>
  <Words>2321</Words>
  <Application>Microsoft Office PowerPoint</Application>
  <PresentationFormat>Grand écran</PresentationFormat>
  <Paragraphs>290</Paragraphs>
  <Slides>16</Slides>
  <Notes>16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0" baseType="lpstr">
      <vt:lpstr>Arial</vt:lpstr>
      <vt:lpstr>Calibri</vt:lpstr>
      <vt:lpstr>Calibri Light</vt:lpstr>
      <vt:lpstr>1_Thème Office</vt:lpstr>
      <vt:lpstr>Water Heights (altimetry): the satellites / sensors</vt:lpstr>
      <vt:lpstr>Présentation PowerPoint</vt:lpstr>
      <vt:lpstr>Altimetry missions used in hydrology </vt:lpstr>
      <vt:lpstr>Altimetry satellites, from open ocean to rivers </vt:lpstr>
      <vt:lpstr>ERS-1 &amp; 2 </vt:lpstr>
      <vt:lpstr>Topex/Poseidon </vt:lpstr>
      <vt:lpstr>Jason-1 </vt:lpstr>
      <vt:lpstr>Envisat </vt:lpstr>
      <vt:lpstr>Jason-2 </vt:lpstr>
      <vt:lpstr>Cryosat-2 </vt:lpstr>
      <vt:lpstr>Saral </vt:lpstr>
      <vt:lpstr>Jason-3 </vt:lpstr>
      <vt:lpstr>Sentinel-3 </vt:lpstr>
      <vt:lpstr>Sentinel-6 (Jason-CS) </vt:lpstr>
      <vt:lpstr>Swot </vt:lpstr>
      <vt:lpstr>Data access </vt:lpstr>
    </vt:vector>
  </TitlesOfParts>
  <Company>*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pt missions</dc:title>
  <dc:creator>*</dc:creator>
  <cp:lastModifiedBy>Rosmorduc Vinca</cp:lastModifiedBy>
  <cp:revision>469</cp:revision>
  <dcterms:created xsi:type="dcterms:W3CDTF">2004-01-28T14:15:25Z</dcterms:created>
  <dcterms:modified xsi:type="dcterms:W3CDTF">2024-01-26T14:13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22B40D578BE394FA86D13378E251975</vt:lpwstr>
  </property>
</Properties>
</file>